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/>
  <bookViews>
    <workbookView xWindow="-15" yWindow="-15" windowWidth="13275" windowHeight="7860" tabRatio="726"/>
  </bookViews>
  <sheets>
    <sheet name="業務費内訳書" sheetId="10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</externalReferences>
  <definedNames>
    <definedName name="_">#REF!</definedName>
    <definedName name="_____________d2">[1]!ピクチャ5_Click</definedName>
    <definedName name="____________d2">[2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>#REF!</definedName>
    <definedName name="__10">#REF!</definedName>
    <definedName name="__11">#REF!</definedName>
    <definedName name="__12">#REF!</definedName>
    <definedName name="__123Graph_A" hidden="1">[5]工程算出!#REF!</definedName>
    <definedName name="__123Graph_A外装" hidden="1">[6]仮設躯体!#REF!</definedName>
    <definedName name="__123Graph_A躯体" hidden="1">[6]仮設躯体!#REF!</definedName>
    <definedName name="__123Graph_A建築" hidden="1">[6]仮設躯体!#REF!</definedName>
    <definedName name="__123Graph_A室内" hidden="1">[6]仮設躯体!#REF!</definedName>
    <definedName name="__123Graph_A土工" hidden="1">[6]仮設躯体!#REF!</definedName>
    <definedName name="__123Graph_A内装" hidden="1">[6]仮設躯体!#REF!</definedName>
    <definedName name="__123Graph_B" hidden="1">#REF!</definedName>
    <definedName name="__123Graph_LBL_A" hidden="1">[5]工程算出!#REF!</definedName>
    <definedName name="__123Graph_X" hidden="1">[5]工程算出!#REF!</definedName>
    <definedName name="__123Graph_X外装" hidden="1">[6]仮設躯体!#REF!</definedName>
    <definedName name="__123Graph_X躯体" hidden="1">[6]仮設躯体!#REF!</definedName>
    <definedName name="__123Graph_X建築" hidden="1">[6]仮設躯体!#REF!</definedName>
    <definedName name="__123Graph_X室内" hidden="1">[6]仮設躯体!#REF!</definedName>
    <definedName name="__123Graph_X土工" hidden="1">[6]仮設躯体!#REF!</definedName>
    <definedName name="__123Graph_X内装" hidden="1">[6]仮設躯体!#REF!</definedName>
    <definedName name="__2">#REF!</definedName>
    <definedName name="__3">#REF!</definedName>
    <definedName name="__4">#REF!</definedName>
    <definedName name="__5">#REF!</definedName>
    <definedName name="__6">#REF!</definedName>
    <definedName name="__7">#REF!</definedName>
    <definedName name="__8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>#REF!</definedName>
    <definedName name="_10">#REF!</definedName>
    <definedName name="_1000">#REF!</definedName>
    <definedName name="_1010">[7]見積01!#REF!</definedName>
    <definedName name="_1020">[7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d2_">[2]!ピクチャ5_Click</definedName>
    <definedName name="_1Print_Area_02__4">#REF!</definedName>
    <definedName name="_2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>#REF!</definedName>
    <definedName name="_2号明細書_M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>#REF!</definedName>
    <definedName name="_66">#REF!</definedName>
    <definedName name="_6ページまで">#REF!</definedName>
    <definedName name="_7">#REF!</definedName>
    <definedName name="_7ページまで">#REF!</definedName>
    <definedName name="_8">#REF!</definedName>
    <definedName name="_850">#REF!</definedName>
    <definedName name="_88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hidden="1">[12]Sheet1!$C$6</definedName>
    <definedName name="_Key2" hidden="1">[12]Sheet1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>#REF!</definedName>
    <definedName name="_p2">#REF!</definedName>
    <definedName name="_p3">#REF!</definedName>
    <definedName name="_Parse_Out" hidden="1">#REF!</definedName>
    <definedName name="_RE2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3]諸経費計算表!$R$3:$AA$38</definedName>
    <definedName name="\11">[13]諸経費計算表!$R$3:$AA$38</definedName>
    <definedName name="￥1250">#REF!</definedName>
    <definedName name="￥1900">#REF!</definedName>
    <definedName name="\2">[13]諸経費計算表!$A$8:$F$65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REF!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#REF!</definedName>
    <definedName name="\O1">#REF!</definedName>
    <definedName name="\P">#REF!</definedName>
    <definedName name="\P1">#REF!</definedName>
    <definedName name="\pn">[13]諸経費計算表!$A$2</definedName>
    <definedName name="\Q">#REF!</definedName>
    <definedName name="\R">#REF!</definedName>
    <definedName name="\S">#REF!</definedName>
    <definedName name="\T">#REF!</definedName>
    <definedName name="\U">#REF!</definedName>
    <definedName name="\V">#REF!</definedName>
    <definedName name="\W">#REF!</definedName>
    <definedName name="\X">#REF!</definedName>
    <definedName name="\Y">#REF!</definedName>
    <definedName name="\Z">#REF!</definedName>
    <definedName name="￥あ">[14]土工!$D$2</definedName>
    <definedName name="\一覧表">#REF!</definedName>
    <definedName name="\印刷設定">#REF!</definedName>
    <definedName name="\印刷設定一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#REF!</definedName>
    <definedName name="AAA">#REF!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9]!Anzen</definedName>
    <definedName name="AnzenHyouji">[19]!AnzenHyouji</definedName>
    <definedName name="aqw">[0]!aqw</definedName>
    <definedName name="AS">#REF!</definedName>
    <definedName name="ASDVIUI">#REF!</definedName>
    <definedName name="AUTOEXEC">#REF!</definedName>
    <definedName name="awe">[0]!awe</definedName>
    <definedName name="B">#REF!</definedName>
    <definedName name="Ｂ_14">'[20]Ｂ代価 '!#REF!</definedName>
    <definedName name="B4OUT">#REF!</definedName>
    <definedName name="B5OUT">#REF!</definedName>
    <definedName name="BANGOU">#REF!</definedName>
    <definedName name="ｂｂ">[21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0]Ｃ代価(1)'!#REF!</definedName>
    <definedName name="C_26">#REF!</definedName>
    <definedName name="C_27">'[20]Ｃ代価(1)'!#REF!</definedName>
    <definedName name="C_28">'[20]Ｃ代価(1)'!#REF!</definedName>
    <definedName name="C_29">#REF!</definedName>
    <definedName name="C_30">'[20]Ｃ代価(1)'!#REF!</definedName>
    <definedName name="C_31">'[20]Ｃ代価(1)'!#REF!</definedName>
    <definedName name="Ｃ_32">'[20]Ｃ代価(1)'!#REF!</definedName>
    <definedName name="Ｃ_33">'[20]Ｃ代価(1)'!#REF!</definedName>
    <definedName name="Ｃ_34">'[20]Ｃ代価(1)'!#REF!</definedName>
    <definedName name="Ｃ_35">'[20]Ｃ代価(1)'!#REF!</definedName>
    <definedName name="Ｃ_36">'[20]Ｃ代価(1)'!#REF!</definedName>
    <definedName name="C0">#REF!</definedName>
    <definedName name="CC">#REF!</definedName>
    <definedName name="ｃｃｃｃｃｃ">[17]!ピクチャ5_Click</definedName>
    <definedName name="ｃｄ">'[22]３ページ'!$S$66</definedName>
    <definedName name="COUNTER">[23]表紙!#REF!</definedName>
    <definedName name="_xlnm.Criteria">#REF!</definedName>
    <definedName name="Criteria_MI">#REF!</definedName>
    <definedName name="CV3C2">[24]ｹｰﾌﾞﾙ計!#REF!</definedName>
    <definedName name="cv3c2_">[25]ｹｰﾌﾞﾙ労務!#REF!</definedName>
    <definedName name="CVVS2C2">[24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6]内訳書!#REF!</definedName>
    <definedName name="C種">#REF!</definedName>
    <definedName name="Ｃ代価">#REF!</definedName>
    <definedName name="Ｃ代価表一覧表">#REF!</definedName>
    <definedName name="D">#REF!</definedName>
    <definedName name="DAIKA">#REF!</definedName>
    <definedName name="data">[27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1]条件!$E$23</definedName>
    <definedName name="DD">#REF!</definedName>
    <definedName name="ddd">[11]!ピクチャ5_Click</definedName>
    <definedName name="dddd">[28]!Dialog3_ボタン2_Click</definedName>
    <definedName name="dddd3">[28]!Dialog3_ボタン2_Click</definedName>
    <definedName name="ｄｄｄｄｄ">[29]!ピクチャ5_Click</definedName>
    <definedName name="ddddd5">[28]!ピクチャ5_Click</definedName>
    <definedName name="DDDDDD">[30]!Dialog3_ボタン2_Click</definedName>
    <definedName name="ｄｆ">[21]条件!$C$24</definedName>
    <definedName name="Dialog3_ボタン2_Click">[31]!Dialog3_ボタン2_Click</definedName>
    <definedName name="DK">17902</definedName>
    <definedName name="DKT">19100</definedName>
    <definedName name="ＤＳ">#REF!</definedName>
    <definedName name="Dグランド照明">[26]内訳書!#REF!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9]!Eizen</definedName>
    <definedName name="EIZEN5" hidden="1">{"設定1",#N/A,FALSE,"第5号-1";"設定2",#N/A,FALSE,"第5号-1"}</definedName>
    <definedName name="EizenHyouji">[19]!EizenHyouji</definedName>
    <definedName name="EK">#REF!</definedName>
    <definedName name="ES">#REF!</definedName>
    <definedName name="EV">#REF!</definedName>
    <definedName name="_xlnm.Extract">#REF!</definedName>
    <definedName name="Extract_MI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Ｇ" hidden="1">{#N/A,#N/A,FALSE,"内訳"}</definedName>
    <definedName name="GenbaKanri">[19]!GenbaKanri</definedName>
    <definedName name="GenbaKanriHyouji">[19]!GenbaKanriHyouji</definedName>
    <definedName name="gggg">#REF!</definedName>
    <definedName name="gggggg">#REF!</definedName>
    <definedName name="ＧＴ">[3]歩・屋!$W$12</definedName>
    <definedName name="H" hidden="1">{#N/A,#N/A,FALSE,"内訳"}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hidden="1">{"設定1",#N/A,FALSE,"第5号-1";"設定2",#N/A,FALSE,"第5号-1"}</definedName>
    <definedName name="iii_1" hidden="1">{"設定1",#N/A,FALSE,"第5号-1";"設定2",#N/A,FALSE,"第5号-1"}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9]!IppanKanri</definedName>
    <definedName name="IppanKanriHyouji">[19]!IppanKanriHyouji</definedName>
    <definedName name="J">#REF!</definedName>
    <definedName name="ｊｊ">[21]条件!$C$21</definedName>
    <definedName name="Junbi">[19]!Junbi</definedName>
    <definedName name="JunbiHyouji">[19]!JunbiHyouji</definedName>
    <definedName name="K">[0]!K</definedName>
    <definedName name="keihi2" hidden="1">#REF!</definedName>
    <definedName name="KH">22720</definedName>
    <definedName name="KHK">0</definedName>
    <definedName name="kk">[0]!kk</definedName>
    <definedName name="kkk">[32]入力一般管理!#REF!</definedName>
    <definedName name="kkkkk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>[0]!L</definedName>
    <definedName name="L3554Ｌ３０００">#REF!</definedName>
    <definedName name="LL">#REF!</definedName>
    <definedName name="LOOPN">[23]表紙!#REF!</definedName>
    <definedName name="LOOPS">[23]表紙!#REF!</definedName>
    <definedName name="LOOP入">[23]表紙!#REF!</definedName>
    <definedName name="LOOP抜">[23]表紙!#REF!</definedName>
    <definedName name="Ｍ">#REF!</definedName>
    <definedName name="MENU">#REF!</definedName>
    <definedName name="MENUA">[23]表紙!#REF!</definedName>
    <definedName name="MENUB">[23]表紙!#REF!</definedName>
    <definedName name="MENUE">[23]表紙!#REF!</definedName>
    <definedName name="MENUP">[23]表紙!#REF!</definedName>
    <definedName name="MENUP2">[23]表紙!#REF!</definedName>
    <definedName name="MI">#REF!</definedName>
    <definedName name="ｍｊ">'[22]３ページ'!#REF!</definedName>
    <definedName name="mm">[33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4]代価表 '!$Z$2</definedName>
    <definedName name="O">[35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4]ｹｰﾌﾞﾙ計!#REF!</definedName>
    <definedName name="PE管28">[24]ｹｰﾌﾞﾙ計!#REF!</definedName>
    <definedName name="PE管42">[24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業務費内訳書!$A$1:$I$84</definedName>
    <definedName name="_xlnm.Print_Area">#REF!</definedName>
    <definedName name="PRINT_AREA_MI">[36]内訳書１!#REF!</definedName>
    <definedName name="Print_Area１">#REF!</definedName>
    <definedName name="Print_Area2">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2]３ページ'!$L$17</definedName>
    <definedName name="ｑｑｑｑｑ">[37]!Dialog3_ボタン2_Click</definedName>
    <definedName name="ｑｔ">'[38]２ページ'!#REF!</definedName>
    <definedName name="ｑｗ" hidden="1">{"設定1",#N/A,FALSE,"第5号-1";"設定2",#N/A,FALSE,"第5号-1"}</definedName>
    <definedName name="qwe">[0]!qwe</definedName>
    <definedName name="qwu" hidden="1">{"設定1",#N/A,FALSE,"第5号-1";"設定2",#N/A,FALSE,"第5号-1"}</definedName>
    <definedName name="qwu_1" hidden="1">{"設定1",#N/A,FALSE,"第5号-1";"設定2",#N/A,FALSE,"第5号-1"}</definedName>
    <definedName name="ｑｙ">'[38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39]!Dialog3_ボタン2_Click</definedName>
    <definedName name="RS">#REF!</definedName>
    <definedName name="RUM">#REF!</definedName>
    <definedName name="RV">#REF!</definedName>
    <definedName name="s">#REF!</definedName>
    <definedName name="sa">'[38]３ページ'!#REF!</definedName>
    <definedName name="SAB">#REF!</definedName>
    <definedName name="SCV">#REF!</definedName>
    <definedName name="sk">'[22]３ページ'!#REF!</definedName>
    <definedName name="SKｿｹｯﾄφ20">#REF!</definedName>
    <definedName name="SKｿｹｯﾄφ40">#REF!</definedName>
    <definedName name="smif">[40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内">#REF!</definedName>
    <definedName name="SUS据付">#REF!</definedName>
    <definedName name="ｔ">[0]!ｔ</definedName>
    <definedName name="TANKA">'[41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[0]!U</definedName>
    <definedName name="UG">#REF!</definedName>
    <definedName name="UHY">#REF!</definedName>
    <definedName name="Unnpan">[19]!Unnpan</definedName>
    <definedName name="V">#REF!</definedName>
    <definedName name="ｖｆ">'[22]３ページ'!#REF!</definedName>
    <definedName name="VNJ">#REF!</definedName>
    <definedName name="VP.VU据付">#REF!</definedName>
    <definedName name="VU屋内">#REF!</definedName>
    <definedName name="ｖｖ">[42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hidden="1">{"設定1",#N/A,FALSE,"第5号-1";"設定2",#N/A,FALSE,"第5号-1"}</definedName>
    <definedName name="wrn.REP1._1" hidden="1">{"設定1",#N/A,FALSE,"第5号-1";"設定2",#N/A,FALSE,"第5号-1"}</definedName>
    <definedName name="wrn.REP2" hidden="1">{"設定1",#N/A,FALSE,"第5号-1";"設定2",#N/A,FALSE,"第5号-1"}</definedName>
    <definedName name="wrn.REP2_1" hidden="1">{"設定1",#N/A,FALSE,"第5号-1";"設定2",#N/A,FALSE,"第5号-1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3]Code!#REF!</definedName>
    <definedName name="ｗｗ">'[38]３ページ'!#REF!</definedName>
    <definedName name="X">#REF!</definedName>
    <definedName name="XC">#REF!</definedName>
    <definedName name="XMIN">#REF!</definedName>
    <definedName name="ｘｘ">[21]条件!$C$11</definedName>
    <definedName name="Y">[0]!Y</definedName>
    <definedName name="Yusou">[19]!Yusou</definedName>
    <definedName name="YusouHyouji">[19]!YusouHyouji</definedName>
    <definedName name="ｙｙ">[23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4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5]!φ50本設配管</definedName>
    <definedName name="ア">[46]表紙!#REF!</definedName>
    <definedName name="あ">[0]!あ</definedName>
    <definedName name="あ1">#REF!</definedName>
    <definedName name="ああ">'[22]３ページ'!#REF!</definedName>
    <definedName name="あああ">[0]!あああ</definedName>
    <definedName name="ああああ">#REF!</definedName>
    <definedName name="あああああ" hidden="1">#REF!</definedName>
    <definedName name="ああああああ">[46]表紙!#REF!</definedName>
    <definedName name="あい">[0]!あい</definedName>
    <definedName name="ｱｽﾌｧﾙﾄ乳剤PK3">#REF!</definedName>
    <definedName name="ｱｾﾁﾚﾝ">#REF!</definedName>
    <definedName name="い">[0]!い</definedName>
    <definedName name="いい">'[22]３ページ'!$L$9</definedName>
    <definedName name="いいいい">[19]!Anzen</definedName>
    <definedName name="いらない列1">#REF!</definedName>
    <definedName name="いらない列2">#REF!</definedName>
    <definedName name="う">[0]!う</definedName>
    <definedName name="うう">'[22]２ページ'!$I$36</definedName>
    <definedName name="ううう">#REF!</definedName>
    <definedName name="うううう">#REF!</definedName>
    <definedName name="うぇ">[0]!うぇ</definedName>
    <definedName name="え">[47]!Dialog3_ボタン2_Click</definedName>
    <definedName name="ええ">'[22]３ページ'!$G$16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>[0]!お</definedName>
    <definedName name="おお">'[22]１ページ'!$J$58</definedName>
    <definedName name="ガス">#REF!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48]府県別労務!$C$50</definedName>
    <definedName name="き">[0]!き</definedName>
    <definedName name="く">'[38]３ページ'!#REF!</definedName>
    <definedName name="くうちょう">#REF!</definedName>
    <definedName name="くぇ">[0]!くぇ</definedName>
    <definedName name="グランド照明">[26]内訳書!#REF!</definedName>
    <definedName name="ｸﾚｰﾝ付ﾄﾗｯｸ運転2.9t">#REF!</definedName>
    <definedName name="ｸﾛｽ集計範囲">#REF!</definedName>
    <definedName name="ケーブル電線類">#REF!</definedName>
    <definedName name="ｺｰﾄﾞ">'[41]H15年度4月-企業庁・県建設部単価表'!$A$5:$A$490</definedName>
    <definedName name="ｺﾝｸﾘｰﾄ混和剤">#REF!</definedName>
    <definedName name="ｺﾝﾏ小数点">#REF!</definedName>
    <definedName name="さ">[49]!ピクチャ5_Click</definedName>
    <definedName name="さく岩工">#REF!</definedName>
    <definedName name="ささＳ">#REF!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>#REF!</definedName>
    <definedName name="スタンション">[50]!Dialog3_ボタン2_Click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>#REF!</definedName>
    <definedName name="た">[0]!た</definedName>
    <definedName name="だいＫ">[51]表紙!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2]明細!#REF!</definedName>
    <definedName name="ダクタイル鋳鉄管">#REF!</definedName>
    <definedName name="ダクト">[5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っｄ">'[22]１ページ'!$F$8</definedName>
    <definedName name="っｆ">'[22]容計（ﾕﾆｯﾄ）'!$F$33</definedName>
    <definedName name="っｇ">'[22]３ページ'!#REF!</definedName>
    <definedName name="っｈ">'[22]１ページ'!$F$11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てなにん">[53]!Dialog3_ボタン2_Click</definedName>
    <definedName name="テレビ">[0]!テレビ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4]!Dialog3_ボタン2_Click</definedName>
    <definedName name="ピクチャ5_Click">[31]!ピクチャ5_Click</definedName>
    <definedName name="ﾋﾟｯﾄ築造">[54]!Dialog3_ボタン2_Click</definedName>
    <definedName name="ふ">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5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6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>[0]!ら</definedName>
    <definedName name="ﾛﾗｰ運転0.8_1.1t">#REF!</definedName>
    <definedName name="ﾛﾗｰ運転3.0_4.0t">#REF!</definedName>
    <definedName name="ん">[21]条件!$E$21</definedName>
    <definedName name="んｈ">'[22]１ページ'!$J$41</definedName>
    <definedName name="んｍ">[0]!んｍ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7]条件!$C$6</definedName>
    <definedName name="一">#REF!</definedName>
    <definedName name="一位代価">#REF!</definedName>
    <definedName name="一般運転手">#REF!</definedName>
    <definedName name="一般労務費">#REF!</definedName>
    <definedName name="印刷">[58]!印刷</definedName>
    <definedName name="印刷05">#REF!</definedName>
    <definedName name="印刷1">#REF!</definedName>
    <definedName name="印刷10">#REF!</definedName>
    <definedName name="印刷2">#REF!</definedName>
    <definedName name="印刷20">#REF!</definedName>
    <definedName name="印刷3">#REF!</definedName>
    <definedName name="印刷30">#REF!</definedName>
    <definedName name="印刷4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後">[0]!印刷後</definedName>
    <definedName name="印刷範囲">#REF!</definedName>
    <definedName name="印刷表">[59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>#REF!</definedName>
    <definedName name="営繕">#REF!</definedName>
    <definedName name="衛生器具">#REF!</definedName>
    <definedName name="汚水桝">[60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1]亜鉛鉄板!$AP$1</definedName>
    <definedName name="仮1" hidden="1">#REF!</definedName>
    <definedName name="仮２" hidden="1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6]条件!$C$14</definedName>
    <definedName name="開口">[54]!Dialog3_ボタン2_Click</definedName>
    <definedName name="開始頁">[59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6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2]機器等据付工!$B$8:$B$41,[62]機器等据付工!$B$65,[62]機器等据付工!$B$65:$B$98</definedName>
    <definedName name="機器名称２">[40]機器等据付工!#REF!</definedName>
    <definedName name="記号">[63]表紙!#REF!</definedName>
    <definedName name="記号3">[64]搬入据付様式!#REF!</definedName>
    <definedName name="記号4">[64]搬入据付様式!#REF!</definedName>
    <definedName name="記号5">[64]搬入据付様式!#REF!</definedName>
    <definedName name="記号6">[64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6]条件!$E$21</definedName>
    <definedName name="逆洗時間">[56]条件!$C$22</definedName>
    <definedName name="逆洗次亜費">#REF!</definedName>
    <definedName name="逆洗水率">[56]条件!$C$16</definedName>
    <definedName name="逆洗水量">[56]条件!$C$18</definedName>
    <definedName name="逆洗頻度">[56]条件!$C$21</definedName>
    <definedName name="逆洗分割数">#REF!</definedName>
    <definedName name="吸出防止材">[65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3]表紙!#REF!</definedName>
    <definedName name="金抜き設計書">#REF!</definedName>
    <definedName name="金抜設定">[59]表紙!#REF!</definedName>
    <definedName name="躯体">[6]仮設躯体!$A$182</definedName>
    <definedName name="掘削">[46]表紙!#REF!</definedName>
    <definedName name="掘削梁">[46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系列数">[56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6]条件!$C$17</definedName>
    <definedName name="計画膜ろ過流束">[56]条件!$C$5</definedName>
    <definedName name="計算書">#REF!</definedName>
    <definedName name="計装" hidden="1">{"設定1",#N/A,FALSE,"第5号-1";"設定2",#N/A,FALSE,"第5号-1"}</definedName>
    <definedName name="軽作業員">#REF!</definedName>
    <definedName name="軽油">#REF!</definedName>
    <definedName name="軽油陸上用">#REF!</definedName>
    <definedName name="桁">#REF!</definedName>
    <definedName name="月_1日">#REF!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hidden="1">{#N/A,#N/A,FALSE,"内訳"}</definedName>
    <definedName name="県名">#REF!</definedName>
    <definedName name="見積空調">'[66]代価表 '!#REF!</definedName>
    <definedName name="見積比較換気">'[67]代価表 '!$Z$2</definedName>
    <definedName name="見積比較表">'[68]代価表 '!$Z$2</definedName>
    <definedName name="見比衛生2">'[69]代価表 '!#REF!</definedName>
    <definedName name="原価">#REF!</definedName>
    <definedName name="原水量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0]設計書入力!$DT$23:$DU$700</definedName>
    <definedName name="工事件名">[71]工事総括!$C$3</definedName>
    <definedName name="工事明細">#REF!</definedName>
    <definedName name="工種区分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59]表紙!#REF!</definedName>
    <definedName name="根拠範囲">[3]歩・屋!$B$3:$AD$372</definedName>
    <definedName name="左官">#REF!</definedName>
    <definedName name="査定率">#REF!</definedName>
    <definedName name="査定率表">[55]見積･重量!#REF!</definedName>
    <definedName name="最大給水量">#REF!</definedName>
    <definedName name="砕石">[72]一位代価表!$F$147</definedName>
    <definedName name="細粒度AS">#REF!</definedName>
    <definedName name="材質">#REF!</definedName>
    <definedName name="材種">[73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4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5]見積･重量!#REF!</definedName>
    <definedName name="修正">[23]表紙!#REF!</definedName>
    <definedName name="修正1">[23]表紙!#REF!</definedName>
    <definedName name="修正2">[23]表紙!#REF!</definedName>
    <definedName name="修正3">[23]表紙!#REF!</definedName>
    <definedName name="修正4">[23]表紙!#REF!</definedName>
    <definedName name="修正5">[59]表紙!#REF!</definedName>
    <definedName name="修正6">[59]表紙!#REF!</definedName>
    <definedName name="修正年月">[75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処理水量">#REF!</definedName>
    <definedName name="小計">[70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位取水1＿データ">#REF!</definedName>
    <definedName name="水位取水1データ">#REF!</definedName>
    <definedName name="水槽_FRP">[3]歩・屋!$W$6</definedName>
    <definedName name="水槽_鉄">[3]歩・屋!$W$7</definedName>
    <definedName name="水中ポンプ">[72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>#REF!</definedName>
    <definedName name="生コンFｰ210">#REF!</definedName>
    <definedName name="請負額算定">[76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接合材料率">#REF!</definedName>
    <definedName name="設計">[63]表紙!#REF!</definedName>
    <definedName name="設計技術員">#REF!</definedName>
    <definedName name="設計書2">[0]!設計書2</definedName>
    <definedName name="設計書表紙金入">#REF!</definedName>
    <definedName name="設計書表紙金抜">#REF!</definedName>
    <definedName name="設計書表紙金抜２">[77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3]表紙!#REF!</definedName>
    <definedName name="粗粒AS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>[0]!代価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78]一位代価!$A:$IV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79]Ａ代価 '!#REF!</definedName>
    <definedName name="第_Ｂ_４">'[79]Ａ代価 '!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0]経費計算!#REF!</definedName>
    <definedName name="単位">#REF!</definedName>
    <definedName name="単位量">#REF!</definedName>
    <definedName name="単価">#REF!</definedName>
    <definedName name="単価コード">[81]単価コード!$B$1:$H$65536</definedName>
    <definedName name="単価一覧">#REF!</definedName>
    <definedName name="単価一覧表">[82]単価一覧表!$A$2:$H$378</definedName>
    <definedName name="単価表">[83]単価コード表!$B$3:$L$1403</definedName>
    <definedName name="段数">[56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">[84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0]経費計算!#REF!</definedName>
    <definedName name="電気材料①">[80]経費計算!#REF!</definedName>
    <definedName name="電気材料③">[80]経費計算!#REF!</definedName>
    <definedName name="電気代価">[85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6]!ピクチャ5_Click</definedName>
    <definedName name="電工">#REF!</definedName>
    <definedName name="電工1">[24]ｹｰﾌﾞﾙ計!#REF!</definedName>
    <definedName name="電線管埋設">#REF!</definedName>
    <definedName name="電線管類">#REF!</definedName>
    <definedName name="電柱基礎">#REF!</definedName>
    <definedName name="電力量">#REF!</definedName>
    <definedName name="吐">[52]内訳!#REF!</definedName>
    <definedName name="吐１">[52]内訳!#REF!</definedName>
    <definedName name="吐出">[52]内訳!#REF!</definedName>
    <definedName name="吐出弁">[5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[72]工事費内訳表!$H$11</definedName>
    <definedName name="土木一般世話役">#REF!</definedName>
    <definedName name="土木世話役">#REF!</definedName>
    <definedName name="土留工">#REF!</definedName>
    <definedName name="土量計算書">[46]表紙!#REF!</definedName>
    <definedName name="東海">#REF!</definedName>
    <definedName name="湯ノ谷印刷">[87]!湯ノ谷印刷</definedName>
    <definedName name="当り">#REF!</definedName>
    <definedName name="頭２" hidden="1">{#N/A,#N/A,FALSE,"Sheet16";#N/A,#N/A,FALSE,"Sheet16"}</definedName>
    <definedName name="頭出しA">[88]修正履歴!#REF!</definedName>
    <definedName name="動力費">#REF!</definedName>
    <definedName name="特殊運転手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89]外部改修工事!#REF!</definedName>
    <definedName name="内部給排2">[89]外部改修工事!#REF!</definedName>
    <definedName name="内部給排3">[89]外部改修工事!#REF!</definedName>
    <definedName name="内部建具">[6]内部!$A$1</definedName>
    <definedName name="内部雑">[6]内訳!$A$316</definedName>
    <definedName name="内訳" hidden="1">{#N/A,#N/A,FALSE,"内訳"}</definedName>
    <definedName name="内訳１" hidden="1">{#N/A,#N/A,FALSE,"内訳"}</definedName>
    <definedName name="内訳2">[90]内訳!#REF!</definedName>
    <definedName name="内訳20" hidden="1">{#N/A,#N/A,FALSE,"内訳"}</definedName>
    <definedName name="内訳21" hidden="1">{#N/A,#N/A,FALSE,"内訳"}</definedName>
    <definedName name="内訳２２" hidden="1">{#N/A,#N/A,FALSE,"内訳"}</definedName>
    <definedName name="内訳23" hidden="1">{#N/A,#N/A,FALSE,"内訳"}</definedName>
    <definedName name="内訳24" hidden="1">{#N/A,#N/A,FALSE,"内訳"}</definedName>
    <definedName name="内訳25" hidden="1">{#N/A,#N/A,FALSE,"内訳"}</definedName>
    <definedName name="内訳26" hidden="1">{#N/A,#N/A,FALSE,"内訳"}</definedName>
    <definedName name="内訳27" hidden="1">{#N/A,#N/A,FALSE,"内訳"}</definedName>
    <definedName name="内訳28" hidden="1">{#N/A,#N/A,FALSE,"内訳"}</definedName>
    <definedName name="内訳29" hidden="1">{#N/A,#N/A,FALSE,"内訳"}</definedName>
    <definedName name="内訳３" hidden="1">{#N/A,#N/A,FALSE,"内訳"}</definedName>
    <definedName name="内訳30" hidden="1">{#N/A,#N/A,FALSE,"内訳"}</definedName>
    <definedName name="内訳31" hidden="1">{#N/A,#N/A,FALSE,"内訳"}</definedName>
    <definedName name="内訳33" hidden="1">{#N/A,#N/A,FALSE,"内訳"}</definedName>
    <definedName name="内訳34" hidden="1">{#N/A,#N/A,FALSE,"内訳"}</definedName>
    <definedName name="内訳35" hidden="1">{#N/A,#N/A,FALSE,"内訳"}</definedName>
    <definedName name="内訳36" hidden="1">{#N/A,#N/A,FALSE,"内訳"}</definedName>
    <definedName name="内訳37" hidden="1">{#N/A,#N/A,FALSE,"内訳"}</definedName>
    <definedName name="内訳38" hidden="1">{#N/A,#N/A,FALSE,"内訳"}</definedName>
    <definedName name="内訳39" hidden="1">{#N/A,#N/A,FALSE,"内訳"}</definedName>
    <definedName name="内訳４" hidden="1">{#N/A,#N/A,FALSE,"内訳"}</definedName>
    <definedName name="内訳40" hidden="1">{#N/A,#N/A,FALSE,"内訳"}</definedName>
    <definedName name="内訳55" hidden="1">{#N/A,#N/A,FALSE,"内訳"}</definedName>
    <definedName name="内訳６０" hidden="1">{#N/A,#N/A,FALSE,"内訳"}</definedName>
    <definedName name="内訳62" hidden="1">{#N/A,#N/A,FALSE,"内訳"}</definedName>
    <definedName name="内訳64" hidden="1">{#N/A,#N/A,FALSE,"内訳"}</definedName>
    <definedName name="内訳65" hidden="1">{#N/A,#N/A,FALSE,"内訳"}</definedName>
    <definedName name="内訳66" hidden="1">{#N/A,#N/A,FALSE,"内訳"}</definedName>
    <definedName name="内訳70" hidden="1">{#N/A,#N/A,FALSE,"内訳"}</definedName>
    <definedName name="内訳77" hidden="1">{#N/A,#N/A,FALSE,"内訳"}</definedName>
    <definedName name="内訳80" hidden="1">{#N/A,#N/A,FALSE,"内訳"}</definedName>
    <definedName name="内訳83" hidden="1">{#N/A,#N/A,FALSE,"内訳"}</definedName>
    <definedName name="内訳84" hidden="1">{#N/A,#N/A,FALSE,"内訳"}</definedName>
    <definedName name="内訳89" hidden="1">{#N/A,#N/A,FALSE,"内訳"}</definedName>
    <definedName name="内訳90" hidden="1">{#N/A,#N/A,FALSE,"内訳"}</definedName>
    <definedName name="内訳96" hidden="1">{#N/A,#N/A,FALSE,"内訳"}</definedName>
    <definedName name="内訳97" hidden="1">{#N/A,#N/A,FALSE,"内訳"}</definedName>
    <definedName name="内訳98" hidden="1">{#N/A,#N/A,FALSE,"内訳"}</definedName>
    <definedName name="内訳99" hidden="1">{#N/A,#N/A,FALSE,"内訳"}</definedName>
    <definedName name="内訳一覧">#REF!</definedName>
    <definedName name="内訳書">[91]別紙内訳!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92]排水器具・ﾄﾗｯﾌﾟ!$V$50:$AC$70</definedName>
    <definedName name="排水PS">#REF!</definedName>
    <definedName name="排水器具･ﾄﾗｯﾌﾟ等">[92]排水器具・ﾄﾗｯﾌﾟ!$V$50:$AC$70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3]代価表 '!$Z$6</definedName>
    <definedName name="表紙">[94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4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59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5]物価資料価格表(変更後)'!$A$1:$L$65536</definedName>
    <definedName name="分類">[96]機器等据付重量表!$C$7:$C$56,[96]機器等据付重量表!$C$63,[96]機器等据付重量表!$C$63:$C$112,[96]機器等据付重量表!$C$119,[96]機器等据付重量表!$C$119:$C$168,[96]機器等据付重量表!$C$175:$C$224,[96]機器等据付重量表!$C$231,[96]機器等据付重量表!$C$231:$C$280,[96]機器等据付重量表!$C$287,[96]機器等据付重量表!$C$287:$C$336,[96]機器等据付重量表!$C$343,[96]機器等据付重量表!$C$343:$C$392</definedName>
    <definedName name="粉炭費">#REF!</definedName>
    <definedName name="兵庫県都まちづくり部設備課">[97]小項目!#REF!</definedName>
    <definedName name="頁枚数">[23]表紙!#REF!</definedName>
    <definedName name="別途">[6]付帯!$F$3</definedName>
    <definedName name="変更用紙">[76]!印刷</definedName>
    <definedName name="弁類">#REF!</definedName>
    <definedName name="保温工">#REF!</definedName>
    <definedName name="保証方法">#REF!</definedName>
    <definedName name="保存">#N/A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膜ポンプKW">#REF!</definedName>
    <definedName name="膜ろ過原水量">[56]条件!$C$15</definedName>
    <definedName name="膜ろ過棟" hidden="1">{"設定1",#N/A,FALSE,"第5号-1";"設定2",#N/A,FALSE,"第5号-1"}</definedName>
    <definedName name="膜交換費">#REF!</definedName>
    <definedName name="密粒AS">#REF!</definedName>
    <definedName name="名称">#REF!</definedName>
    <definedName name="面積">#REF!</definedName>
    <definedName name="問い合せ">#REF!</definedName>
    <definedName name="役務">#REF!</definedName>
    <definedName name="薬注回数">[56]条件!$E$23</definedName>
    <definedName name="薬注時間">[56]条件!$C$24</definedName>
    <definedName name="薬注頻度">[56]条件!$C$23</definedName>
    <definedName name="薬品洗浄費">#REF!</definedName>
    <definedName name="輸送１">#REF!</definedName>
    <definedName name="輸送費">#REF!</definedName>
    <definedName name="予定価格積算書">#REF!</definedName>
    <definedName name="幼児便器">#REF!</definedName>
    <definedName name="擁壁小">[72]工事費内訳表!$H$43</definedName>
    <definedName name="擁壁大">[72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立案冠記号">[98]Code!#REF!</definedName>
    <definedName name="粒調砕石Mｰ30">#REF!</definedName>
    <definedName name="鈴鹿市">#REF!</definedName>
    <definedName name="鈴木" hidden="1">{"設定1",#N/A,FALSE,"第5号-1";"設定2",#N/A,FALSE,"第5号-1"}</definedName>
    <definedName name="鈴木_1" hidden="1">{"設定1",#N/A,FALSE,"第5号-1";"設定2",#N/A,FALSE,"第5号-1"}</definedName>
    <definedName name="列数">[56]条件!$C$9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0]経費計算!#REF!</definedName>
    <definedName name="労務費2">[87]!湯ノ谷印刷</definedName>
    <definedName name="労務表">[99]労務単価コード!$B$2:$E$64</definedName>
    <definedName name="濾過池配線材料" hidden="1">{"設定1",#N/A,FALSE,"第5号-1";"設定2",#N/A,FALSE,"第5号-1"}</definedName>
  </definedNames>
  <calcPr calcId="145621"/>
</workbook>
</file>

<file path=xl/sharedStrings.xml><?xml version="1.0" encoding="utf-8"?>
<sst xmlns="http://schemas.openxmlformats.org/spreadsheetml/2006/main" count="43" uniqueCount="28">
  <si>
    <t>費    目</t>
  </si>
  <si>
    <t>工    種</t>
  </si>
  <si>
    <t>種      別</t>
  </si>
  <si>
    <t>細    別</t>
  </si>
  <si>
    <t>単  位</t>
  </si>
  <si>
    <t>数    量</t>
  </si>
  <si>
    <t>単    価</t>
  </si>
  <si>
    <t>金      額</t>
  </si>
  <si>
    <t>摘        要</t>
  </si>
  <si>
    <t>設  計  書  用  紙</t>
  </si>
  <si>
    <t>四日市市上下水道局</t>
  </si>
  <si>
    <t>式</t>
    <rPh sb="0" eb="1">
      <t>シキ</t>
    </rPh>
    <phoneticPr fontId="6"/>
  </si>
  <si>
    <t>直接人件費</t>
    <rPh sb="0" eb="2">
      <t>チョクセツ</t>
    </rPh>
    <rPh sb="2" eb="5">
      <t>ジンケンヒ</t>
    </rPh>
    <phoneticPr fontId="6"/>
  </si>
  <si>
    <t>業務価格</t>
    <rPh sb="0" eb="2">
      <t>ギョウム</t>
    </rPh>
    <rPh sb="2" eb="4">
      <t>カカク</t>
    </rPh>
    <phoneticPr fontId="6"/>
  </si>
  <si>
    <t>直接経費</t>
    <rPh sb="0" eb="2">
      <t>チョクセツ</t>
    </rPh>
    <rPh sb="2" eb="4">
      <t>ケイヒ</t>
    </rPh>
    <phoneticPr fontId="6"/>
  </si>
  <si>
    <t>その他原価</t>
    <rPh sb="2" eb="3">
      <t>タ</t>
    </rPh>
    <rPh sb="3" eb="5">
      <t>ゲンカ</t>
    </rPh>
    <phoneticPr fontId="6"/>
  </si>
  <si>
    <t>業務原価</t>
    <rPh sb="0" eb="2">
      <t>ギョウム</t>
    </rPh>
    <rPh sb="2" eb="4">
      <t>ゲンカ</t>
    </rPh>
    <phoneticPr fontId="6"/>
  </si>
  <si>
    <t>直接人件費＋直接経費＋</t>
    <rPh sb="0" eb="2">
      <t>チョクセツ</t>
    </rPh>
    <rPh sb="2" eb="5">
      <t>ジンケンヒ</t>
    </rPh>
    <rPh sb="6" eb="8">
      <t>チョクセツ</t>
    </rPh>
    <rPh sb="8" eb="10">
      <t>ケイヒ</t>
    </rPh>
    <phoneticPr fontId="6"/>
  </si>
  <si>
    <t>一般管理費等</t>
    <rPh sb="0" eb="2">
      <t>イッパン</t>
    </rPh>
    <rPh sb="2" eb="5">
      <t>カンリヒ</t>
    </rPh>
    <rPh sb="5" eb="6">
      <t>ナド</t>
    </rPh>
    <phoneticPr fontId="6"/>
  </si>
  <si>
    <t>直接原価</t>
    <rPh sb="0" eb="2">
      <t>チョクセツ</t>
    </rPh>
    <rPh sb="2" eb="4">
      <t>ゲンカ</t>
    </rPh>
    <phoneticPr fontId="6"/>
  </si>
  <si>
    <t>耐震診断業務分</t>
    <phoneticPr fontId="6"/>
  </si>
  <si>
    <t>耐震補強計画</t>
    <phoneticPr fontId="6"/>
  </si>
  <si>
    <t>取水ポンプ室等耐震診断業務委託</t>
  </si>
  <si>
    <t>四日市市 小古曽町ほか１３町　地内</t>
  </si>
  <si>
    <t>平成29年度　水道事業実務必携　　設計業務等積算基準にて積算。</t>
    <rPh sb="0" eb="2">
      <t>ヘイセイ</t>
    </rPh>
    <rPh sb="4" eb="6">
      <t>ネンド</t>
    </rPh>
    <rPh sb="7" eb="15">
      <t>スイドウジギョウジツムヒッケイ</t>
    </rPh>
    <rPh sb="17" eb="19">
      <t>セッケイ</t>
    </rPh>
    <rPh sb="19" eb="21">
      <t>ギョウム</t>
    </rPh>
    <rPh sb="21" eb="22">
      <t>トウ</t>
    </rPh>
    <rPh sb="22" eb="24">
      <t>セキサン</t>
    </rPh>
    <rPh sb="24" eb="26">
      <t>キジュン</t>
    </rPh>
    <phoneticPr fontId="6"/>
  </si>
  <si>
    <t>業務名</t>
    <rPh sb="0" eb="2">
      <t>ギョウム</t>
    </rPh>
    <rPh sb="2" eb="3">
      <t>メイ</t>
    </rPh>
    <phoneticPr fontId="6"/>
  </si>
  <si>
    <t>業務場所</t>
    <rPh sb="0" eb="2">
      <t>ギョウム</t>
    </rPh>
    <rPh sb="2" eb="4">
      <t>バショ</t>
    </rPh>
    <phoneticPr fontId="6"/>
  </si>
  <si>
    <t>業務費内訳書</t>
    <rPh sb="0" eb="2">
      <t>ギョウム</t>
    </rPh>
    <rPh sb="2" eb="3">
      <t>ヒ</t>
    </rPh>
    <rPh sb="3" eb="6">
      <t>ウチワケショ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7"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&quot;(&quot;#,##0&quot;)&quot;"/>
    <numFmt numFmtId="187" formatCode="#,##0.0"/>
    <numFmt numFmtId="188" formatCode="0.000_ "/>
    <numFmt numFmtId="189" formatCode="hh:mm\ \T\K"/>
    <numFmt numFmtId="190" formatCode=";;;"/>
    <numFmt numFmtId="191" formatCode="_(&quot;$&quot;* #,##0_);_(&quot;$&quot;* \(#,##0\);_(&quot;$&quot;* &quot;-&quot;_);_(@_)"/>
    <numFmt numFmtId="192" formatCode="_(&quot;$&quot;* #,##0.00_);_(&quot;$&quot;* \(#,##0.00\);_(&quot;$&quot;* &quot;-&quot;??_);_(@_)"/>
    <numFmt numFmtId="193" formatCode="mm/dd/yy\ h:mm"/>
    <numFmt numFmtId="194" formatCode="mmmm/dd/yyyy\ h:mm"/>
    <numFmt numFmtId="195" formatCode="_-* #,##0.0_-;\-* #,##0.0_-;_-* &quot;-&quot;??_-;_-@_-"/>
    <numFmt numFmtId="196" formatCode="&quot;¥&quot;#,##0.0;[Red]&quot;¥&quot;\-#,##0.0"/>
    <numFmt numFmtId="197" formatCode="_(* #,##0_);_(* \(#,##0\);_(* &quot;-&quot;??_);_(@_)"/>
    <numFmt numFmtId="198" formatCode="&quot;$&quot;#,##0.00"/>
    <numFmt numFmtId="199" formatCode="#,#00&quot; &quot;"/>
    <numFmt numFmtId="200" formatCode="#,##0.0;[Red]\-#,##0.0"/>
    <numFmt numFmtId="201" formatCode="&quot;α=&quot;0.00"/>
    <numFmt numFmtId="202" formatCode="0.0000"/>
    <numFmt numFmtId="203" formatCode="0.0000000000"/>
    <numFmt numFmtId="204" formatCode="&quot;α=&quot;0%"/>
    <numFmt numFmtId="205" formatCode="&quot;β=&quot;0%\ "/>
    <numFmt numFmtId="206" formatCode="#,##0\ &quot;円以内&quot;"/>
    <numFmt numFmtId="207" formatCode="0.0"/>
    <numFmt numFmtId="208" formatCode="#,##0\ ;\-#,##0\ ;_ * &quot;- &quot;_ ;_ @_ "/>
    <numFmt numFmtId="209" formatCode="_(&quot;¥&quot;* #,##0_);_(&quot;¥&quot;* \(#,##0\);_(&quot;¥&quot;* &quot;-&quot;??_);_(@_)"/>
    <numFmt numFmtId="210" formatCode="###0"/>
    <numFmt numFmtId="211" formatCode="#,##0\-;&quot;▲&quot;#,##0\-"/>
    <numFmt numFmtId="212" formatCode="&quot;¥&quot;#,##0\-;&quot;¥&quot;&quot;▲&quot;#,##0\-"/>
    <numFmt numFmtId="213" formatCode="#,##0\ ;[Red]\-#,##0\ "/>
    <numFmt numFmtId="214" formatCode="###0.0;[Red]\-###0.0"/>
    <numFmt numFmtId="215" formatCode="###0.00;[Red]\-###0.00"/>
    <numFmt numFmtId="216" formatCode="#,##0.000\ ;[Red]\-#,##0.000\ "/>
    <numFmt numFmtId="217" formatCode="_(* #,##0.00_);_(* \(#,##0.00\);_(* &quot;-&quot;??_);_(@_)"/>
    <numFmt numFmtId="218" formatCode="_(* #,##0_);_(* \(#,##0\);_(* &quot;-&quot;_);_(@_)"/>
  </numFmts>
  <fonts count="87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7"/>
      <name val="ＭＳ ゴシック"/>
      <family val="3"/>
      <charset val="128"/>
    </font>
    <font>
      <sz val="7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9"/>
      <name val="細明朝体"/>
      <family val="3"/>
      <charset val="128"/>
    </font>
    <font>
      <b/>
      <sz val="6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  <fill>
      <patternFill patternType="solid">
        <fgColor rgb="FFFFFF00"/>
        <bgColor indexed="64"/>
      </patternFill>
    </fill>
    <fill>
      <patternFill patternType="solid">
        <fgColor theme="4" tint="0.59999389629810485"/>
        <bgColor indexed="64"/>
      </patternFill>
    </fill>
  </fills>
  <borders count="50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85">
    <xf numFmtId="0" fontId="0" fillId="0" borderId="0"/>
    <xf numFmtId="191" fontId="28" fillId="0" borderId="0" applyFont="0" applyFill="0" applyBorder="0" applyAlignment="0" applyProtection="0"/>
    <xf numFmtId="192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8" fillId="0" borderId="0"/>
    <xf numFmtId="9" fontId="28" fillId="2" borderId="0"/>
    <xf numFmtId="177" fontId="29" fillId="0" borderId="1" applyFont="0" applyFill="0" applyBorder="0" applyAlignment="0" applyProtection="0"/>
    <xf numFmtId="0" fontId="9" fillId="3" borderId="0" applyNumberFormat="0" applyBorder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10" fillId="13" borderId="0" applyNumberFormat="0" applyBorder="0" applyAlignment="0" applyProtection="0">
      <alignment vertical="center"/>
    </xf>
    <xf numFmtId="0" fontId="10" fillId="10" borderId="0" applyNumberFormat="0" applyBorder="0" applyAlignment="0" applyProtection="0">
      <alignment vertical="center"/>
    </xf>
    <xf numFmtId="0" fontId="10" fillId="11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187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28" fillId="0" borderId="0" applyFont="0" applyFill="0" applyBorder="0" applyAlignment="0" applyProtection="0"/>
    <xf numFmtId="193" fontId="7" fillId="0" borderId="0" applyFont="0" applyFill="0" applyBorder="0" applyAlignment="0" applyProtection="0"/>
    <xf numFmtId="195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4" fontId="7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30" fillId="0" borderId="2" applyNumberFormat="0" applyBorder="0">
      <alignment horizontal="centerContinuous"/>
    </xf>
    <xf numFmtId="14" fontId="31" fillId="0" borderId="0" applyFill="0" applyBorder="0" applyAlignment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2" fillId="0" borderId="0" applyNumberFormat="0" applyFill="0" applyBorder="0" applyAlignment="0" applyProtection="0"/>
    <xf numFmtId="38" fontId="33" fillId="17" borderId="0" applyNumberFormat="0" applyBorder="0" applyAlignment="0" applyProtection="0"/>
    <xf numFmtId="0" fontId="34" fillId="0" borderId="3" applyNumberFormat="0" applyAlignment="0" applyProtection="0">
      <alignment horizontal="left" vertical="center"/>
    </xf>
    <xf numFmtId="0" fontId="34" fillId="0" borderId="4">
      <alignment horizontal="left" vertical="center"/>
    </xf>
    <xf numFmtId="0" fontId="35" fillId="0" borderId="0" applyNumberFormat="0" applyFill="0" applyBorder="0" applyAlignment="0" applyProtection="0">
      <alignment vertical="top"/>
      <protection locked="0"/>
    </xf>
    <xf numFmtId="10" fontId="33" fillId="18" borderId="5" applyNumberFormat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2" fontId="36" fillId="19" borderId="0"/>
    <xf numFmtId="176" fontId="4" fillId="0" borderId="0"/>
    <xf numFmtId="0" fontId="28" fillId="0" borderId="0"/>
    <xf numFmtId="186" fontId="37" fillId="0" borderId="0" applyFont="0" applyFill="0" applyBorder="0" applyAlignment="0" applyProtection="0"/>
    <xf numFmtId="185" fontId="37" fillId="0" borderId="0" applyFont="0" applyFill="0" applyBorder="0" applyAlignment="0" applyProtection="0"/>
    <xf numFmtId="0" fontId="28" fillId="0" borderId="0" applyFont="0" applyFill="0" applyBorder="0" applyAlignment="0" applyProtection="0"/>
    <xf numFmtId="195" fontId="28" fillId="0" borderId="0" applyFont="0" applyFill="0" applyBorder="0" applyAlignment="0" applyProtection="0"/>
    <xf numFmtId="1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193" fontId="7" fillId="0" borderId="0" applyFill="0" applyBorder="0" applyAlignment="0"/>
    <xf numFmtId="194" fontId="7" fillId="0" borderId="0" applyFill="0" applyBorder="0" applyAlignment="0"/>
    <xf numFmtId="193" fontId="7" fillId="0" borderId="0" applyFill="0" applyBorder="0" applyAlignment="0"/>
    <xf numFmtId="0" fontId="28" fillId="0" borderId="0" applyFill="0" applyBorder="0" applyAlignment="0"/>
    <xf numFmtId="194" fontId="7" fillId="0" borderId="0" applyFill="0" applyBorder="0" applyAlignment="0"/>
    <xf numFmtId="0" fontId="38" fillId="0" borderId="0"/>
    <xf numFmtId="49" fontId="31" fillId="0" borderId="0" applyFill="0" applyBorder="0" applyAlignment="0"/>
    <xf numFmtId="0" fontId="28" fillId="0" borderId="0" applyFill="0" applyBorder="0" applyAlignment="0"/>
    <xf numFmtId="0" fontId="28" fillId="0" borderId="0" applyFill="0" applyBorder="0" applyAlignment="0"/>
    <xf numFmtId="196" fontId="37" fillId="0" borderId="0" applyFont="0" applyFill="0" applyBorder="0" applyAlignment="0" applyProtection="0"/>
    <xf numFmtId="188" fontId="37" fillId="0" borderId="0" applyFont="0" applyFill="0" applyBorder="0" applyAlignment="0" applyProtection="0"/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14" borderId="0" applyNumberFormat="0" applyBorder="0" applyAlignment="0" applyProtection="0">
      <alignment vertical="center"/>
    </xf>
    <xf numFmtId="0" fontId="10" fillId="15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4" borderId="6" applyNumberFormat="0" applyAlignment="0" applyProtection="0">
      <alignment vertical="center"/>
    </xf>
    <xf numFmtId="0" fontId="13" fillId="25" borderId="0" applyNumberFormat="0" applyBorder="0" applyAlignment="0" applyProtection="0">
      <alignment vertical="center"/>
    </xf>
    <xf numFmtId="197" fontId="25" fillId="0" borderId="0" applyFont="0" applyFill="0" applyBorder="0" applyAlignment="0" applyProtection="0"/>
    <xf numFmtId="198" fontId="25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39" fillId="0" borderId="0"/>
    <xf numFmtId="0" fontId="7" fillId="26" borderId="7" applyNumberFormat="0" applyFont="0" applyAlignment="0" applyProtection="0">
      <alignment vertical="center"/>
    </xf>
    <xf numFmtId="41" fontId="28" fillId="0" borderId="0" applyFont="0" applyFill="0" applyBorder="0" applyAlignment="0" applyProtection="0"/>
    <xf numFmtId="4" fontId="39" fillId="0" borderId="0" applyFont="0" applyFill="0" applyBorder="0" applyAlignment="0" applyProtection="0"/>
    <xf numFmtId="0" fontId="14" fillId="0" borderId="8" applyNumberFormat="0" applyFill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6" fillId="27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" fontId="29" fillId="0" borderId="0" applyFont="0" applyFill="0" applyBorder="0" applyAlignment="0" applyProtection="0"/>
    <xf numFmtId="0" fontId="29" fillId="0" borderId="1" applyFont="0" applyFill="0" applyBorder="0" applyAlignment="0" applyProtection="0">
      <alignment horizontal="right"/>
    </xf>
    <xf numFmtId="4" fontId="29" fillId="0" borderId="1" applyFont="0" applyFill="0" applyBorder="0" applyAlignment="0" applyProtection="0"/>
    <xf numFmtId="0" fontId="18" fillId="0" borderId="10" applyNumberFormat="0" applyFill="0" applyAlignment="0" applyProtection="0">
      <alignment vertical="center"/>
    </xf>
    <xf numFmtId="0" fontId="19" fillId="0" borderId="11" applyNumberFormat="0" applyFill="0" applyAlignment="0" applyProtection="0">
      <alignment vertical="center"/>
    </xf>
    <xf numFmtId="0" fontId="20" fillId="0" borderId="12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13" applyNumberFormat="0" applyFill="0" applyAlignment="0" applyProtection="0">
      <alignment vertical="center"/>
    </xf>
    <xf numFmtId="0" fontId="22" fillId="27" borderId="14" applyNumberFormat="0" applyAlignment="0" applyProtection="0">
      <alignment vertical="center"/>
    </xf>
    <xf numFmtId="0" fontId="40" fillId="0" borderId="0">
      <alignment vertical="center"/>
    </xf>
    <xf numFmtId="0" fontId="23" fillId="0" borderId="0" applyNumberFormat="0" applyFill="0" applyBorder="0" applyAlignment="0" applyProtection="0">
      <alignment vertical="center"/>
    </xf>
    <xf numFmtId="0" fontId="28" fillId="0" borderId="0" applyFont="0" applyFill="0" applyBorder="0" applyAlignment="0" applyProtection="0"/>
    <xf numFmtId="0" fontId="28" fillId="0" borderId="0" applyFont="0" applyFill="0" applyBorder="0" applyAlignment="0" applyProtection="0"/>
    <xf numFmtId="0" fontId="24" fillId="8" borderId="9" applyNumberFormat="0" applyAlignment="0" applyProtection="0">
      <alignment vertical="center"/>
    </xf>
    <xf numFmtId="58" fontId="29" fillId="0" borderId="0" applyFont="0" applyFill="0" applyBorder="0" applyAlignment="0" applyProtection="0"/>
    <xf numFmtId="190" fontId="29" fillId="0" borderId="1" applyFont="0" applyFill="0" applyBorder="0" applyAlignment="0" applyProtection="0"/>
    <xf numFmtId="0" fontId="7" fillId="0" borderId="0"/>
    <xf numFmtId="0" fontId="7" fillId="0" borderId="0"/>
    <xf numFmtId="189" fontId="3" fillId="0" borderId="0"/>
    <xf numFmtId="0" fontId="27" fillId="0" borderId="0"/>
    <xf numFmtId="0" fontId="26" fillId="5" borderId="0" applyNumberFormat="0" applyBorder="0" applyAlignment="0" applyProtection="0">
      <alignment vertical="center"/>
    </xf>
    <xf numFmtId="183" fontId="7" fillId="0" borderId="0"/>
    <xf numFmtId="38" fontId="7" fillId="0" borderId="0" applyFont="0" applyFill="0" applyBorder="0" applyAlignment="0" applyProtection="0"/>
    <xf numFmtId="183" fontId="7" fillId="0" borderId="0"/>
    <xf numFmtId="40" fontId="44" fillId="0" borderId="0" applyFont="0" applyFill="0" applyBorder="0" applyAlignment="0" applyProtection="0"/>
    <xf numFmtId="8" fontId="44" fillId="0" borderId="0" applyFont="0" applyFill="0" applyBorder="0" applyAlignment="0" applyProtection="0"/>
    <xf numFmtId="0" fontId="45" fillId="0" borderId="22" applyNumberFormat="0" applyFont="0" applyFill="0" applyAlignment="0" applyProtection="0"/>
    <xf numFmtId="0" fontId="46" fillId="3" borderId="0" applyNumberFormat="0" applyBorder="0" applyAlignment="0" applyProtection="0">
      <alignment vertical="center"/>
    </xf>
    <xf numFmtId="0" fontId="46" fillId="4" borderId="0" applyNumberFormat="0" applyBorder="0" applyAlignment="0" applyProtection="0">
      <alignment vertical="center"/>
    </xf>
    <xf numFmtId="0" fontId="46" fillId="5" borderId="0" applyNumberFormat="0" applyBorder="0" applyAlignment="0" applyProtection="0">
      <alignment vertical="center"/>
    </xf>
    <xf numFmtId="0" fontId="46" fillId="6" borderId="0" applyNumberFormat="0" applyBorder="0" applyAlignment="0" applyProtection="0">
      <alignment vertical="center"/>
    </xf>
    <xf numFmtId="0" fontId="46" fillId="7" borderId="0" applyNumberFormat="0" applyBorder="0" applyAlignment="0" applyProtection="0">
      <alignment vertical="center"/>
    </xf>
    <xf numFmtId="0" fontId="46" fillId="8" borderId="0" applyNumberFormat="0" applyBorder="0" applyAlignment="0" applyProtection="0">
      <alignment vertical="center"/>
    </xf>
    <xf numFmtId="0" fontId="46" fillId="9" borderId="0" applyNumberFormat="0" applyBorder="0" applyAlignment="0" applyProtection="0">
      <alignment vertical="center"/>
    </xf>
    <xf numFmtId="0" fontId="46" fillId="10" borderId="0" applyNumberFormat="0" applyBorder="0" applyAlignment="0" applyProtection="0">
      <alignment vertical="center"/>
    </xf>
    <xf numFmtId="0" fontId="46" fillId="11" borderId="0" applyNumberFormat="0" applyBorder="0" applyAlignment="0" applyProtection="0">
      <alignment vertical="center"/>
    </xf>
    <xf numFmtId="0" fontId="46" fillId="6" borderId="0" applyNumberFormat="0" applyBorder="0" applyAlignment="0" applyProtection="0">
      <alignment vertical="center"/>
    </xf>
    <xf numFmtId="0" fontId="46" fillId="9" borderId="0" applyNumberFormat="0" applyBorder="0" applyAlignment="0" applyProtection="0">
      <alignment vertical="center"/>
    </xf>
    <xf numFmtId="0" fontId="46" fillId="12" borderId="0" applyNumberFormat="0" applyBorder="0" applyAlignment="0" applyProtection="0">
      <alignment vertical="center"/>
    </xf>
    <xf numFmtId="0" fontId="47" fillId="13" borderId="0" applyNumberFormat="0" applyBorder="0" applyAlignment="0" applyProtection="0">
      <alignment vertical="center"/>
    </xf>
    <xf numFmtId="0" fontId="47" fillId="10" borderId="0" applyNumberFormat="0" applyBorder="0" applyAlignment="0" applyProtection="0">
      <alignment vertical="center"/>
    </xf>
    <xf numFmtId="0" fontId="47" fillId="11" borderId="0" applyNumberFormat="0" applyBorder="0" applyAlignment="0" applyProtection="0">
      <alignment vertical="center"/>
    </xf>
    <xf numFmtId="0" fontId="47" fillId="14" borderId="0" applyNumberFormat="0" applyBorder="0" applyAlignment="0" applyProtection="0">
      <alignment vertical="center"/>
    </xf>
    <xf numFmtId="0" fontId="47" fillId="15" borderId="0" applyNumberFormat="0" applyBorder="0" applyAlignment="0" applyProtection="0">
      <alignment vertical="center"/>
    </xf>
    <xf numFmtId="0" fontId="47" fillId="16" borderId="0" applyNumberFormat="0" applyBorder="0" applyAlignment="0" applyProtection="0">
      <alignment vertical="center"/>
    </xf>
    <xf numFmtId="38" fontId="29" fillId="0" borderId="0">
      <alignment vertical="center"/>
      <protection hidden="1"/>
    </xf>
    <xf numFmtId="0" fontId="28" fillId="0" borderId="0" applyNumberFormat="0" applyFill="0" applyBorder="0" applyAlignment="0" applyProtection="0"/>
    <xf numFmtId="0" fontId="48" fillId="0" borderId="0" applyNumberFormat="0" applyFill="0" applyBorder="0" applyAlignment="0" applyProtection="0"/>
    <xf numFmtId="0" fontId="33" fillId="0" borderId="0" applyNumberFormat="0" applyFill="0" applyBorder="0" applyAlignment="0" applyProtection="0"/>
    <xf numFmtId="187" fontId="7" fillId="0" borderId="0" applyFill="0" applyBorder="0" applyAlignment="0"/>
    <xf numFmtId="187" fontId="7" fillId="0" borderId="0" applyFill="0" applyBorder="0" applyAlignment="0"/>
    <xf numFmtId="0" fontId="49" fillId="0" borderId="0" applyNumberFormat="0" applyFont="0" applyBorder="0" applyAlignment="0" applyProtection="0"/>
    <xf numFmtId="0" fontId="36" fillId="0" borderId="0">
      <alignment horizontal="left"/>
    </xf>
    <xf numFmtId="0" fontId="50" fillId="0" borderId="0" applyNumberFormat="0" applyFill="0" applyBorder="0" applyAlignment="0" applyProtection="0"/>
    <xf numFmtId="0" fontId="49" fillId="0" borderId="0" applyNumberFormat="0" applyFill="0" applyBorder="0" applyAlignment="0" applyProtection="0"/>
    <xf numFmtId="4" fontId="36" fillId="0" borderId="0">
      <alignment horizontal="right"/>
    </xf>
    <xf numFmtId="0" fontId="51" fillId="0" borderId="0" applyNumberFormat="0" applyFont="0" applyFill="0" applyBorder="0" applyAlignment="0" applyProtection="0">
      <alignment horizontal="left"/>
    </xf>
    <xf numFmtId="0" fontId="52" fillId="0" borderId="19">
      <alignment horizontal="center"/>
    </xf>
    <xf numFmtId="4" fontId="53" fillId="0" borderId="0">
      <alignment horizontal="right"/>
    </xf>
    <xf numFmtId="0" fontId="8" fillId="0" borderId="0"/>
    <xf numFmtId="0" fontId="8" fillId="0" borderId="0"/>
    <xf numFmtId="0" fontId="54" fillId="0" borderId="0">
      <alignment horizontal="left"/>
    </xf>
    <xf numFmtId="0" fontId="51" fillId="0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5" fillId="29" borderId="0"/>
    <xf numFmtId="0" fontId="56" fillId="0" borderId="0">
      <alignment horizontal="center"/>
    </xf>
    <xf numFmtId="0" fontId="47" fillId="20" borderId="0" applyNumberFormat="0" applyBorder="0" applyAlignment="0" applyProtection="0">
      <alignment vertical="center"/>
    </xf>
    <xf numFmtId="0" fontId="47" fillId="21" borderId="0" applyNumberFormat="0" applyBorder="0" applyAlignment="0" applyProtection="0">
      <alignment vertical="center"/>
    </xf>
    <xf numFmtId="0" fontId="47" fillId="22" borderId="0" applyNumberFormat="0" applyBorder="0" applyAlignment="0" applyProtection="0">
      <alignment vertical="center"/>
    </xf>
    <xf numFmtId="0" fontId="47" fillId="14" borderId="0" applyNumberFormat="0" applyBorder="0" applyAlignment="0" applyProtection="0">
      <alignment vertical="center"/>
    </xf>
    <xf numFmtId="0" fontId="47" fillId="15" borderId="0" applyNumberFormat="0" applyBorder="0" applyAlignment="0" applyProtection="0">
      <alignment vertical="center"/>
    </xf>
    <xf numFmtId="0" fontId="47" fillId="23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57" fillId="24" borderId="6" applyNumberFormat="0" applyAlignment="0" applyProtection="0">
      <alignment vertical="center"/>
    </xf>
    <xf numFmtId="0" fontId="58" fillId="25" borderId="0" applyNumberFormat="0" applyBorder="0" applyAlignment="0" applyProtection="0">
      <alignment vertical="center"/>
    </xf>
    <xf numFmtId="9" fontId="7" fillId="0" borderId="0" applyFont="0" applyFill="0" applyBorder="0" applyAlignment="0" applyProtection="0"/>
    <xf numFmtId="0" fontId="3" fillId="0" borderId="25" applyNumberFormat="0" applyFill="0" applyBorder="0" applyAlignment="0" applyProtection="0">
      <alignment horizontal="distributed" vertical="center" justifyLastLine="1"/>
    </xf>
    <xf numFmtId="0" fontId="7" fillId="26" borderId="7" applyNumberFormat="0" applyFont="0" applyAlignment="0" applyProtection="0">
      <alignment vertical="center"/>
    </xf>
    <xf numFmtId="0" fontId="59" fillId="28" borderId="0" applyNumberFormat="0" applyBorder="0" applyAlignment="0" applyProtection="0">
      <alignment vertical="center"/>
    </xf>
    <xf numFmtId="0" fontId="60" fillId="0" borderId="8" applyNumberFormat="0" applyFill="0" applyAlignment="0" applyProtection="0">
      <alignment vertical="center"/>
    </xf>
    <xf numFmtId="0" fontId="61" fillId="4" borderId="0" applyNumberFormat="0" applyBorder="0" applyAlignment="0" applyProtection="0">
      <alignment vertical="center"/>
    </xf>
    <xf numFmtId="0" fontId="62" fillId="0" borderId="43" applyFill="0" applyBorder="0" applyProtection="0">
      <alignment horizontal="left"/>
    </xf>
    <xf numFmtId="208" fontId="2" fillId="0" borderId="0" applyFill="0" applyBorder="0" applyAlignment="0" applyProtection="0">
      <alignment vertical="center"/>
    </xf>
    <xf numFmtId="0" fontId="63" fillId="30" borderId="0">
      <alignment horizontal="right" vertical="top"/>
    </xf>
    <xf numFmtId="0" fontId="59" fillId="28" borderId="0" applyNumberFormat="0" applyBorder="0" applyAlignment="0" applyProtection="0"/>
    <xf numFmtId="209" fontId="4" fillId="19" borderId="28" applyFont="0" applyFill="0" applyBorder="0" applyAlignment="0" applyProtection="0">
      <protection locked="0"/>
    </xf>
    <xf numFmtId="0" fontId="64" fillId="27" borderId="9" applyNumberFormat="0" applyAlignment="0" applyProtection="0">
      <alignment vertical="center"/>
    </xf>
    <xf numFmtId="0" fontId="65" fillId="0" borderId="0" applyNumberFormat="0" applyFill="0" applyBorder="0" applyAlignment="0" applyProtection="0">
      <alignment vertical="center"/>
    </xf>
    <xf numFmtId="200" fontId="5" fillId="0" borderId="16"/>
    <xf numFmtId="38" fontId="7" fillId="0" borderId="0" applyFont="0" applyFill="0" applyBorder="0" applyAlignment="0" applyProtection="0"/>
    <xf numFmtId="38" fontId="25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210" fontId="66" fillId="0" borderId="44" applyFill="0" applyBorder="0" applyProtection="0"/>
    <xf numFmtId="0" fontId="67" fillId="0" borderId="10" applyNumberFormat="0" applyFill="0" applyAlignment="0" applyProtection="0">
      <alignment vertical="center"/>
    </xf>
    <xf numFmtId="0" fontId="68" fillId="0" borderId="11" applyNumberFormat="0" applyFill="0" applyAlignment="0" applyProtection="0">
      <alignment vertical="center"/>
    </xf>
    <xf numFmtId="0" fontId="69" fillId="0" borderId="12" applyNumberFormat="0" applyFill="0" applyAlignment="0" applyProtection="0">
      <alignment vertical="center"/>
    </xf>
    <xf numFmtId="0" fontId="69" fillId="0" borderId="0" applyNumberFormat="0" applyFill="0" applyBorder="0" applyAlignment="0" applyProtection="0">
      <alignment vertical="center"/>
    </xf>
    <xf numFmtId="211" fontId="29" fillId="0" borderId="39">
      <protection locked="0"/>
    </xf>
    <xf numFmtId="211" fontId="29" fillId="0" borderId="39">
      <protection locked="0"/>
    </xf>
    <xf numFmtId="212" fontId="29" fillId="0" borderId="39">
      <protection locked="0"/>
    </xf>
    <xf numFmtId="0" fontId="27" fillId="0" borderId="45">
      <alignment horizontal="center"/>
    </xf>
    <xf numFmtId="0" fontId="70" fillId="0" borderId="13" applyNumberFormat="0" applyFill="0" applyAlignment="0" applyProtection="0">
      <alignment vertical="center"/>
    </xf>
    <xf numFmtId="0" fontId="71" fillId="27" borderId="14" applyNumberFormat="0" applyAlignment="0" applyProtection="0">
      <alignment vertical="center"/>
    </xf>
    <xf numFmtId="213" fontId="72" fillId="0" borderId="0" applyFill="0" applyBorder="0" applyProtection="0">
      <alignment vertical="center"/>
    </xf>
    <xf numFmtId="214" fontId="62" fillId="0" borderId="0" applyFill="0" applyBorder="0" applyProtection="0">
      <alignment vertical="center"/>
    </xf>
    <xf numFmtId="215" fontId="62" fillId="0" borderId="0" applyFill="0" applyBorder="0" applyProtection="0">
      <alignment vertical="center"/>
    </xf>
    <xf numFmtId="216" fontId="62" fillId="0" borderId="0" applyFill="0" applyBorder="0" applyProtection="0">
      <alignment vertical="center"/>
    </xf>
    <xf numFmtId="0" fontId="4" fillId="0" borderId="0" applyFill="0" applyBorder="0" applyProtection="0">
      <alignment horizontal="center" vertical="center"/>
    </xf>
    <xf numFmtId="42" fontId="2" fillId="0" borderId="0" applyFill="0" applyBorder="0" applyAlignment="0" applyProtection="0">
      <alignment horizontal="center" vertical="center"/>
    </xf>
    <xf numFmtId="207" fontId="73" fillId="30" borderId="46">
      <alignment horizontal="right"/>
    </xf>
    <xf numFmtId="2" fontId="74" fillId="0" borderId="15">
      <alignment horizontal="center"/>
    </xf>
    <xf numFmtId="0" fontId="75" fillId="0" borderId="0" applyNumberFormat="0" applyFont="0" applyBorder="0" applyAlignment="0" applyProtection="0"/>
    <xf numFmtId="0" fontId="76" fillId="0" borderId="0" applyNumberFormat="0" applyFill="0" applyBorder="0" applyAlignment="0" applyProtection="0">
      <alignment vertical="center"/>
    </xf>
    <xf numFmtId="0" fontId="49" fillId="0" borderId="0" applyFill="0" applyBorder="0" applyProtection="0">
      <alignment vertical="center"/>
    </xf>
    <xf numFmtId="0" fontId="77" fillId="0" borderId="0" applyFill="0" applyBorder="0" applyProtection="0">
      <alignment vertical="center"/>
    </xf>
    <xf numFmtId="0" fontId="78" fillId="0" borderId="0" applyFill="0" applyBorder="0" applyProtection="0"/>
    <xf numFmtId="0" fontId="79" fillId="0" borderId="0" applyFill="0" applyBorder="0" applyProtection="0">
      <alignment horizontal="left"/>
    </xf>
    <xf numFmtId="0" fontId="80" fillId="0" borderId="21" applyFill="0" applyBorder="0" applyProtection="0">
      <alignment horizontal="left" vertical="center"/>
    </xf>
    <xf numFmtId="6" fontId="7" fillId="0" borderId="0" applyFont="0" applyFill="0" applyBorder="0" applyAlignment="0" applyProtection="0"/>
    <xf numFmtId="0" fontId="81" fillId="8" borderId="9" applyNumberFormat="0" applyAlignment="0" applyProtection="0">
      <alignment vertical="center"/>
    </xf>
    <xf numFmtId="178" fontId="8" fillId="0" borderId="47" applyNumberFormat="0" applyFont="0" applyAlignment="0" applyProtection="0"/>
    <xf numFmtId="0" fontId="27" fillId="0" borderId="0"/>
    <xf numFmtId="0" fontId="7" fillId="0" borderId="0"/>
    <xf numFmtId="0" fontId="29" fillId="0" borderId="0" applyProtection="0">
      <alignment horizontal="center"/>
    </xf>
    <xf numFmtId="183" fontId="7" fillId="0" borderId="0"/>
    <xf numFmtId="0" fontId="2" fillId="0" borderId="0"/>
    <xf numFmtId="0" fontId="3" fillId="0" borderId="0"/>
    <xf numFmtId="183" fontId="1" fillId="0" borderId="0">
      <alignment vertical="center"/>
    </xf>
    <xf numFmtId="0" fontId="25" fillId="0" borderId="0"/>
    <xf numFmtId="0" fontId="25" fillId="0" borderId="0"/>
    <xf numFmtId="0" fontId="25" fillId="0" borderId="0"/>
    <xf numFmtId="183" fontId="7" fillId="0" borderId="0"/>
    <xf numFmtId="0" fontId="82" fillId="0" borderId="0"/>
    <xf numFmtId="0" fontId="29" fillId="0" borderId="0"/>
    <xf numFmtId="0" fontId="3" fillId="0" borderId="0" applyNumberFormat="0" applyBorder="0" applyAlignment="0"/>
    <xf numFmtId="0" fontId="45" fillId="0" borderId="0" applyBorder="0">
      <alignment vertical="center"/>
    </xf>
    <xf numFmtId="0" fontId="25" fillId="0" borderId="0"/>
    <xf numFmtId="0" fontId="83" fillId="5" borderId="0" applyNumberFormat="0" applyBorder="0" applyAlignment="0" applyProtection="0">
      <alignment vertical="center"/>
    </xf>
    <xf numFmtId="0" fontId="84" fillId="0" borderId="0">
      <alignment vertical="center"/>
    </xf>
    <xf numFmtId="0" fontId="7" fillId="0" borderId="0">
      <alignment vertical="center"/>
    </xf>
    <xf numFmtId="0" fontId="84" fillId="0" borderId="0">
      <alignment vertical="center"/>
    </xf>
    <xf numFmtId="0" fontId="7" fillId="0" borderId="0"/>
    <xf numFmtId="0" fontId="72" fillId="0" borderId="0" applyBorder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8" fillId="0" borderId="0"/>
    <xf numFmtId="0" fontId="27" fillId="0" borderId="0"/>
    <xf numFmtId="0" fontId="2" fillId="0" borderId="48" applyNumberFormat="0" applyFill="0" applyBorder="0" applyAlignment="0" applyProtection="0">
      <alignment vertical="center"/>
    </xf>
    <xf numFmtId="217" fontId="28" fillId="0" borderId="0" applyFont="0" applyFill="0" applyBorder="0" applyAlignment="0" applyProtection="0"/>
    <xf numFmtId="218" fontId="28" fillId="0" borderId="0" applyFont="0" applyFill="0" applyBorder="0" applyAlignment="0" applyProtection="0"/>
    <xf numFmtId="38" fontId="7" fillId="0" borderId="0" applyFont="0" applyFill="0" applyBorder="0" applyAlignment="0" applyProtection="0"/>
    <xf numFmtId="38" fontId="29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  <xf numFmtId="0" fontId="29" fillId="0" borderId="0" applyNumberFormat="0" applyFill="0" applyBorder="0" applyAlignment="0" applyProtection="0"/>
    <xf numFmtId="0" fontId="85" fillId="0" borderId="0">
      <alignment wrapText="1"/>
    </xf>
    <xf numFmtId="0" fontId="45" fillId="0" borderId="0"/>
    <xf numFmtId="0" fontId="2" fillId="0" borderId="0" applyProtection="0">
      <alignment horizontal="center" textRotation="90"/>
    </xf>
    <xf numFmtId="0" fontId="2" fillId="0" borderId="0">
      <alignment horizontal="center" vertical="top" textRotation="90"/>
    </xf>
    <xf numFmtId="0" fontId="2" fillId="0" borderId="0" applyProtection="0">
      <alignment horizontal="center" vertical="center" textRotation="90"/>
    </xf>
    <xf numFmtId="0" fontId="29" fillId="0" borderId="0" applyNumberFormat="0" applyFill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8" fontId="7" fillId="0" borderId="0" applyFont="0" applyFill="0" applyBorder="0" applyAlignment="0" applyProtection="0"/>
    <xf numFmtId="6" fontId="7" fillId="0" borderId="0" applyFont="0" applyFill="0" applyBorder="0" applyAlignment="0" applyProtection="0"/>
    <xf numFmtId="0" fontId="29" fillId="0" borderId="0" applyNumberFormat="0" applyFill="0" applyBorder="0" applyAlignment="0" applyProtection="0">
      <alignment horizontal="left"/>
    </xf>
    <xf numFmtId="0" fontId="7" fillId="0" borderId="0"/>
    <xf numFmtId="0" fontId="7" fillId="0" borderId="0"/>
    <xf numFmtId="0" fontId="3" fillId="0" borderId="0"/>
    <xf numFmtId="0" fontId="7" fillId="0" borderId="49" applyNumberFormat="0" applyBorder="0"/>
  </cellStyleXfs>
  <cellXfs count="112">
    <xf numFmtId="0" fontId="0" fillId="0" borderId="0" xfId="0"/>
    <xf numFmtId="0" fontId="4" fillId="0" borderId="23" xfId="116" applyFont="1" applyBorder="1" applyAlignment="1">
      <alignment horizontal="center" vertical="center"/>
    </xf>
    <xf numFmtId="0" fontId="4" fillId="0" borderId="24" xfId="116" applyFont="1" applyBorder="1" applyAlignment="1">
      <alignment horizontal="center" vertical="center"/>
    </xf>
    <xf numFmtId="38" fontId="4" fillId="0" borderId="25" xfId="98" applyFont="1" applyBorder="1" applyAlignment="1">
      <alignment horizontal="center" vertical="center"/>
    </xf>
    <xf numFmtId="0" fontId="4" fillId="0" borderId="26" xfId="116" applyFont="1" applyBorder="1" applyAlignment="1">
      <alignment horizontal="center" vertical="center"/>
    </xf>
    <xf numFmtId="0" fontId="7" fillId="0" borderId="0" xfId="116" applyFont="1" applyAlignment="1">
      <alignment horizontal="center" vertical="center"/>
    </xf>
    <xf numFmtId="0" fontId="41" fillId="0" borderId="27" xfId="116" applyFont="1" applyBorder="1" applyAlignment="1" applyProtection="1">
      <alignment vertical="center"/>
      <protection locked="0"/>
    </xf>
    <xf numFmtId="0" fontId="41" fillId="0" borderId="28" xfId="116" applyFont="1" applyBorder="1" applyAlignment="1" applyProtection="1">
      <alignment vertical="center"/>
      <protection locked="0"/>
    </xf>
    <xf numFmtId="0" fontId="41" fillId="0" borderId="28" xfId="116" applyFont="1" applyBorder="1" applyAlignment="1" applyProtection="1">
      <alignment horizontal="center" vertical="center"/>
      <protection locked="0"/>
    </xf>
    <xf numFmtId="0" fontId="41" fillId="0" borderId="28" xfId="116" applyFont="1" applyBorder="1" applyAlignment="1" applyProtection="1">
      <alignment horizontal="right" vertical="center"/>
      <protection locked="0"/>
    </xf>
    <xf numFmtId="38" fontId="41" fillId="0" borderId="28" xfId="98" applyFont="1" applyBorder="1" applyAlignment="1" applyProtection="1">
      <alignment horizontal="right" vertical="center"/>
      <protection locked="0"/>
    </xf>
    <xf numFmtId="180" fontId="41" fillId="0" borderId="28" xfId="98" applyNumberFormat="1" applyFont="1" applyBorder="1" applyAlignment="1" applyProtection="1">
      <alignment horizontal="right" vertical="center"/>
      <protection locked="0"/>
    </xf>
    <xf numFmtId="0" fontId="41" fillId="0" borderId="29" xfId="116" applyFont="1" applyBorder="1" applyAlignment="1" applyProtection="1">
      <alignment horizontal="center" vertical="center"/>
      <protection locked="0"/>
    </xf>
    <xf numFmtId="0" fontId="42" fillId="0" borderId="0" xfId="116" applyFont="1" applyAlignment="1">
      <alignment horizontal="center" vertical="center"/>
    </xf>
    <xf numFmtId="0" fontId="41" fillId="0" borderId="30" xfId="116" applyFont="1" applyBorder="1" applyAlignment="1" applyProtection="1">
      <alignment vertical="center"/>
      <protection locked="0"/>
    </xf>
    <xf numFmtId="0" fontId="41" fillId="0" borderId="31" xfId="116" applyFont="1" applyBorder="1" applyAlignment="1" applyProtection="1">
      <alignment vertical="center"/>
      <protection locked="0"/>
    </xf>
    <xf numFmtId="0" fontId="41" fillId="0" borderId="31" xfId="116" applyFont="1" applyBorder="1" applyAlignment="1" applyProtection="1">
      <alignment horizontal="center" vertical="center"/>
      <protection locked="0"/>
    </xf>
    <xf numFmtId="0" fontId="41" fillId="0" borderId="31" xfId="116" applyFont="1" applyBorder="1" applyAlignment="1" applyProtection="1">
      <alignment horizontal="right" vertical="center"/>
      <protection locked="0"/>
    </xf>
    <xf numFmtId="38" fontId="41" fillId="0" borderId="31" xfId="98" applyFont="1" applyBorder="1" applyAlignment="1" applyProtection="1">
      <alignment horizontal="right" vertical="center"/>
      <protection locked="0"/>
    </xf>
    <xf numFmtId="181" fontId="41" fillId="0" borderId="31" xfId="98" applyNumberFormat="1" applyFont="1" applyBorder="1" applyAlignment="1" applyProtection="1">
      <alignment horizontal="right" vertical="center"/>
      <protection locked="0"/>
    </xf>
    <xf numFmtId="0" fontId="41" fillId="0" borderId="32" xfId="116" applyFont="1" applyBorder="1" applyAlignment="1" applyProtection="1">
      <alignment horizontal="center" vertical="center"/>
      <protection locked="0"/>
    </xf>
    <xf numFmtId="0" fontId="41" fillId="0" borderId="33" xfId="116" applyFont="1" applyBorder="1" applyAlignment="1" applyProtection="1">
      <alignment horizontal="right"/>
      <protection locked="0"/>
    </xf>
    <xf numFmtId="0" fontId="41" fillId="0" borderId="34" xfId="116" applyFont="1" applyBorder="1" applyAlignment="1" applyProtection="1">
      <protection locked="0"/>
    </xf>
    <xf numFmtId="0" fontId="41" fillId="0" borderId="34" xfId="116" applyFont="1" applyBorder="1" applyAlignment="1" applyProtection="1">
      <alignment horizontal="center"/>
      <protection locked="0"/>
    </xf>
    <xf numFmtId="0" fontId="41" fillId="0" borderId="34" xfId="116" applyFont="1" applyBorder="1" applyAlignment="1" applyProtection="1">
      <alignment horizontal="right"/>
      <protection locked="0"/>
    </xf>
    <xf numFmtId="38" fontId="41" fillId="0" borderId="34" xfId="98" applyFont="1" applyBorder="1" applyAlignment="1" applyProtection="1">
      <alignment horizontal="right"/>
      <protection locked="0"/>
    </xf>
    <xf numFmtId="182" fontId="41" fillId="0" borderId="34" xfId="98" applyNumberFormat="1" applyFont="1" applyBorder="1" applyProtection="1">
      <protection locked="0"/>
    </xf>
    <xf numFmtId="0" fontId="41" fillId="0" borderId="20" xfId="116" applyFont="1" applyBorder="1" applyProtection="1">
      <protection locked="0"/>
    </xf>
    <xf numFmtId="0" fontId="42" fillId="0" borderId="0" xfId="116" applyFont="1"/>
    <xf numFmtId="0" fontId="41" fillId="0" borderId="35" xfId="116" applyFont="1" applyBorder="1" applyAlignment="1" applyProtection="1">
      <alignment vertical="center"/>
      <protection locked="0"/>
    </xf>
    <xf numFmtId="0" fontId="41" fillId="0" borderId="17" xfId="116" applyFont="1" applyBorder="1" applyAlignment="1" applyProtection="1">
      <alignment vertical="center"/>
      <protection locked="0"/>
    </xf>
    <xf numFmtId="0" fontId="41" fillId="0" borderId="33" xfId="116" applyFont="1" applyBorder="1" applyAlignment="1" applyProtection="1">
      <protection locked="0"/>
    </xf>
    <xf numFmtId="179" fontId="41" fillId="0" borderId="34" xfId="98" applyNumberFormat="1" applyFont="1" applyBorder="1" applyAlignment="1" applyProtection="1">
      <alignment horizontal="right"/>
      <protection locked="0"/>
    </xf>
    <xf numFmtId="0" fontId="41" fillId="0" borderId="20" xfId="116" applyFont="1" applyBorder="1" applyAlignment="1" applyProtection="1">
      <alignment horizontal="center"/>
      <protection locked="0"/>
    </xf>
    <xf numFmtId="0" fontId="41" fillId="0" borderId="30" xfId="116" applyFont="1" applyBorder="1" applyAlignment="1" applyProtection="1">
      <protection locked="0"/>
    </xf>
    <xf numFmtId="184" fontId="41" fillId="0" borderId="34" xfId="98" applyNumberFormat="1" applyFont="1" applyBorder="1" applyProtection="1">
      <protection locked="0"/>
    </xf>
    <xf numFmtId="0" fontId="43" fillId="0" borderId="23" xfId="116" applyFont="1" applyBorder="1" applyAlignment="1">
      <alignment vertical="center"/>
    </xf>
    <xf numFmtId="0" fontId="43" fillId="0" borderId="36" xfId="116" applyFont="1" applyBorder="1" applyAlignment="1">
      <alignment vertical="center"/>
    </xf>
    <xf numFmtId="0" fontId="43" fillId="0" borderId="36" xfId="116" applyFont="1" applyBorder="1" applyAlignment="1">
      <alignment horizontal="center" vertical="center"/>
    </xf>
    <xf numFmtId="0" fontId="43" fillId="0" borderId="36" xfId="116" applyFont="1" applyBorder="1" applyAlignment="1">
      <alignment horizontal="right" vertical="center"/>
    </xf>
    <xf numFmtId="38" fontId="43" fillId="0" borderId="36" xfId="98" applyFont="1" applyBorder="1" applyAlignment="1">
      <alignment vertical="center"/>
    </xf>
    <xf numFmtId="0" fontId="43" fillId="0" borderId="26" xfId="116" applyFont="1" applyBorder="1" applyAlignment="1">
      <alignment vertical="center"/>
    </xf>
    <xf numFmtId="0" fontId="41" fillId="0" borderId="31" xfId="116" applyFont="1" applyBorder="1" applyAlignment="1" applyProtection="1">
      <alignment horizontal="right"/>
      <protection locked="0"/>
    </xf>
    <xf numFmtId="38" fontId="41" fillId="0" borderId="31" xfId="98" applyFont="1" applyBorder="1" applyAlignment="1" applyProtection="1">
      <alignment horizontal="right"/>
      <protection locked="0"/>
    </xf>
    <xf numFmtId="0" fontId="42" fillId="0" borderId="28" xfId="116" applyFont="1" applyBorder="1"/>
    <xf numFmtId="0" fontId="41" fillId="0" borderId="31" xfId="116" applyFont="1" applyBorder="1" applyAlignment="1" applyProtection="1">
      <protection locked="0"/>
    </xf>
    <xf numFmtId="0" fontId="42" fillId="0" borderId="18" xfId="116" applyFont="1" applyBorder="1" applyAlignment="1">
      <alignment horizontal="center" vertical="center"/>
    </xf>
    <xf numFmtId="0" fontId="42" fillId="0" borderId="30" xfId="116" applyFont="1" applyBorder="1" applyAlignment="1" applyProtection="1">
      <alignment vertical="center"/>
      <protection locked="0"/>
    </xf>
    <xf numFmtId="0" fontId="42" fillId="0" borderId="33" xfId="116" applyFont="1" applyBorder="1" applyAlignment="1" applyProtection="1">
      <protection locked="0"/>
    </xf>
    <xf numFmtId="0" fontId="42" fillId="0" borderId="30" xfId="116" applyFont="1" applyBorder="1" applyAlignment="1" applyProtection="1">
      <protection locked="0"/>
    </xf>
    <xf numFmtId="0" fontId="42" fillId="0" borderId="28" xfId="116" applyFont="1" applyBorder="1" applyAlignment="1" applyProtection="1">
      <alignment vertical="center"/>
      <protection locked="0"/>
    </xf>
    <xf numFmtId="0" fontId="42" fillId="0" borderId="28" xfId="116" applyFont="1" applyBorder="1" applyAlignment="1" applyProtection="1">
      <alignment horizontal="center" vertical="center"/>
      <protection locked="0"/>
    </xf>
    <xf numFmtId="0" fontId="42" fillId="0" borderId="28" xfId="116" applyFont="1" applyBorder="1" applyAlignment="1" applyProtection="1">
      <alignment horizontal="right" vertical="center"/>
      <protection locked="0"/>
    </xf>
    <xf numFmtId="38" fontId="42" fillId="0" borderId="28" xfId="98" applyFont="1" applyBorder="1" applyAlignment="1" applyProtection="1">
      <alignment horizontal="right" vertical="center"/>
      <protection locked="0"/>
    </xf>
    <xf numFmtId="180" fontId="42" fillId="0" borderId="37" xfId="98" applyNumberFormat="1" applyFont="1" applyBorder="1" applyAlignment="1" applyProtection="1">
      <alignment horizontal="right" vertical="center"/>
      <protection locked="0"/>
    </xf>
    <xf numFmtId="0" fontId="42" fillId="0" borderId="29" xfId="116" applyFont="1" applyBorder="1" applyAlignment="1" applyProtection="1">
      <alignment horizontal="center" vertical="center"/>
      <protection locked="0"/>
    </xf>
    <xf numFmtId="0" fontId="42" fillId="0" borderId="31" xfId="116" applyFont="1" applyBorder="1" applyAlignment="1" applyProtection="1">
      <alignment vertical="center"/>
      <protection locked="0"/>
    </xf>
    <xf numFmtId="0" fontId="42" fillId="0" borderId="31" xfId="116" applyFont="1" applyBorder="1" applyAlignment="1" applyProtection="1">
      <alignment horizontal="center" vertical="center"/>
      <protection locked="0"/>
    </xf>
    <xf numFmtId="0" fontId="42" fillId="0" borderId="31" xfId="116" applyFont="1" applyBorder="1" applyAlignment="1" applyProtection="1">
      <alignment horizontal="right" vertical="center"/>
      <protection locked="0"/>
    </xf>
    <xf numFmtId="38" fontId="42" fillId="0" borderId="31" xfId="98" applyFont="1" applyBorder="1" applyAlignment="1" applyProtection="1">
      <alignment horizontal="right" vertical="center"/>
      <protection locked="0"/>
    </xf>
    <xf numFmtId="181" fontId="42" fillId="0" borderId="38" xfId="98" applyNumberFormat="1" applyFont="1" applyBorder="1" applyAlignment="1" applyProtection="1">
      <alignment horizontal="right" vertical="center"/>
      <protection locked="0"/>
    </xf>
    <xf numFmtId="0" fontId="42" fillId="0" borderId="32" xfId="116" applyFont="1" applyBorder="1" applyAlignment="1" applyProtection="1">
      <alignment horizontal="center" vertical="center"/>
      <protection locked="0"/>
    </xf>
    <xf numFmtId="0" fontId="42" fillId="0" borderId="34" xfId="116" applyFont="1" applyBorder="1" applyAlignment="1" applyProtection="1">
      <protection locked="0"/>
    </xf>
    <xf numFmtId="0" fontId="42" fillId="0" borderId="34" xfId="116" applyFont="1" applyBorder="1" applyAlignment="1" applyProtection="1">
      <alignment horizontal="center"/>
      <protection locked="0"/>
    </xf>
    <xf numFmtId="0" fontId="42" fillId="0" borderId="34" xfId="116" applyFont="1" applyBorder="1" applyAlignment="1" applyProtection="1">
      <alignment horizontal="right"/>
      <protection locked="0"/>
    </xf>
    <xf numFmtId="38" fontId="42" fillId="0" borderId="34" xfId="98" applyFont="1" applyBorder="1" applyAlignment="1" applyProtection="1">
      <alignment horizontal="right"/>
      <protection locked="0"/>
    </xf>
    <xf numFmtId="179" fontId="42" fillId="0" borderId="39" xfId="98" applyNumberFormat="1" applyFont="1" applyBorder="1" applyProtection="1">
      <protection locked="0"/>
    </xf>
    <xf numFmtId="0" fontId="42" fillId="0" borderId="20" xfId="116" applyFont="1" applyBorder="1" applyAlignment="1" applyProtection="1">
      <alignment horizontal="center"/>
      <protection locked="0"/>
    </xf>
    <xf numFmtId="0" fontId="42" fillId="0" borderId="27" xfId="116" applyFont="1" applyBorder="1" applyAlignment="1" applyProtection="1">
      <alignment vertical="center"/>
      <protection locked="0"/>
    </xf>
    <xf numFmtId="0" fontId="41" fillId="0" borderId="28" xfId="116" applyFont="1" applyFill="1" applyBorder="1" applyAlignment="1" applyProtection="1">
      <alignment horizontal="right" vertical="center"/>
      <protection locked="0"/>
    </xf>
    <xf numFmtId="0" fontId="41" fillId="0" borderId="31" xfId="116" quotePrefix="1" applyFont="1" applyBorder="1" applyAlignment="1" applyProtection="1">
      <alignment vertical="center"/>
      <protection locked="0"/>
    </xf>
    <xf numFmtId="0" fontId="41" fillId="0" borderId="31" xfId="116" applyFont="1" applyFill="1" applyBorder="1" applyAlignment="1" applyProtection="1">
      <alignment horizontal="right" vertical="center"/>
      <protection locked="0"/>
    </xf>
    <xf numFmtId="0" fontId="42" fillId="0" borderId="20" xfId="116" applyFont="1" applyBorder="1" applyProtection="1">
      <protection locked="0"/>
    </xf>
    <xf numFmtId="180" fontId="42" fillId="0" borderId="28" xfId="98" applyNumberFormat="1" applyFont="1" applyBorder="1" applyAlignment="1" applyProtection="1">
      <alignment horizontal="right" vertical="center"/>
      <protection locked="0"/>
    </xf>
    <xf numFmtId="181" fontId="42" fillId="0" borderId="31" xfId="98" applyNumberFormat="1" applyFont="1" applyBorder="1" applyAlignment="1" applyProtection="1">
      <alignment horizontal="right" vertical="center"/>
      <protection locked="0"/>
    </xf>
    <xf numFmtId="0" fontId="42" fillId="0" borderId="40" xfId="116" applyFont="1" applyBorder="1" applyAlignment="1" applyProtection="1">
      <protection locked="0"/>
    </xf>
    <xf numFmtId="0" fontId="41" fillId="0" borderId="41" xfId="116" applyFont="1" applyBorder="1" applyAlignment="1" applyProtection="1">
      <protection locked="0"/>
    </xf>
    <xf numFmtId="0" fontId="42" fillId="0" borderId="41" xfId="116" applyFont="1" applyBorder="1" applyAlignment="1" applyProtection="1">
      <protection locked="0"/>
    </xf>
    <xf numFmtId="0" fontId="42" fillId="0" borderId="41" xfId="116" applyFont="1" applyBorder="1" applyAlignment="1" applyProtection="1">
      <alignment horizontal="center"/>
      <protection locked="0"/>
    </xf>
    <xf numFmtId="0" fontId="42" fillId="0" borderId="41" xfId="116" applyFont="1" applyBorder="1" applyAlignment="1" applyProtection="1">
      <alignment horizontal="right"/>
      <protection locked="0"/>
    </xf>
    <xf numFmtId="38" fontId="42" fillId="0" borderId="41" xfId="98" applyFont="1" applyBorder="1" applyAlignment="1" applyProtection="1">
      <alignment horizontal="right"/>
      <protection locked="0"/>
    </xf>
    <xf numFmtId="182" fontId="42" fillId="0" borderId="41" xfId="98" applyNumberFormat="1" applyFont="1" applyBorder="1" applyProtection="1">
      <protection locked="0"/>
    </xf>
    <xf numFmtId="0" fontId="42" fillId="0" borderId="42" xfId="116" applyFont="1" applyBorder="1" applyProtection="1">
      <protection locked="0"/>
    </xf>
    <xf numFmtId="0" fontId="7" fillId="0" borderId="0" xfId="116" applyFont="1"/>
    <xf numFmtId="0" fontId="7" fillId="0" borderId="0" xfId="116" applyFont="1" applyAlignment="1"/>
    <xf numFmtId="0" fontId="7" fillId="0" borderId="0" xfId="116" applyFont="1" applyAlignment="1">
      <alignment horizontal="right"/>
    </xf>
    <xf numFmtId="38" fontId="7" fillId="0" borderId="0" xfId="98" applyFont="1"/>
    <xf numFmtId="199" fontId="41" fillId="0" borderId="34" xfId="98" applyNumberFormat="1" applyFont="1" applyBorder="1" applyProtection="1">
      <protection locked="0"/>
    </xf>
    <xf numFmtId="9" fontId="41" fillId="0" borderId="20" xfId="116" applyNumberFormat="1" applyFont="1" applyBorder="1" applyAlignment="1" applyProtection="1">
      <alignment horizontal="center"/>
      <protection locked="0"/>
    </xf>
    <xf numFmtId="201" fontId="41" fillId="0" borderId="20" xfId="116" applyNumberFormat="1" applyFont="1" applyBorder="1" applyAlignment="1" applyProtection="1">
      <alignment horizontal="center" shrinkToFit="1"/>
      <protection locked="0"/>
    </xf>
    <xf numFmtId="179" fontId="41" fillId="0" borderId="28" xfId="98" applyNumberFormat="1" applyFont="1" applyBorder="1" applyAlignment="1" applyProtection="1">
      <alignment horizontal="right" vertical="center"/>
      <protection locked="0"/>
    </xf>
    <xf numFmtId="179" fontId="41" fillId="0" borderId="31" xfId="98" applyNumberFormat="1" applyFont="1" applyBorder="1" applyAlignment="1" applyProtection="1">
      <alignment horizontal="right" vertical="center"/>
      <protection locked="0"/>
    </xf>
    <xf numFmtId="202" fontId="42" fillId="0" borderId="0" xfId="116" applyNumberFormat="1" applyFont="1"/>
    <xf numFmtId="203" fontId="42" fillId="0" borderId="0" xfId="116" applyNumberFormat="1" applyFont="1"/>
    <xf numFmtId="182" fontId="42" fillId="0" borderId="0" xfId="116" applyNumberFormat="1" applyFont="1"/>
    <xf numFmtId="38" fontId="42" fillId="0" borderId="0" xfId="98" applyFont="1"/>
    <xf numFmtId="0" fontId="42" fillId="0" borderId="20" xfId="116" applyFont="1" applyBorder="1"/>
    <xf numFmtId="205" fontId="41" fillId="0" borderId="32" xfId="89" applyNumberFormat="1" applyFont="1" applyBorder="1" applyAlignment="1" applyProtection="1">
      <alignment horizontal="center" shrinkToFit="1"/>
      <protection locked="0"/>
    </xf>
    <xf numFmtId="206" fontId="42" fillId="0" borderId="20" xfId="116" applyNumberFormat="1" applyFont="1" applyBorder="1" applyAlignment="1">
      <alignment horizontal="center"/>
    </xf>
    <xf numFmtId="204" fontId="41" fillId="0" borderId="32" xfId="89" applyNumberFormat="1" applyFont="1" applyBorder="1" applyAlignment="1" applyProtection="1">
      <alignment horizontal="center" shrinkToFit="1"/>
      <protection locked="0"/>
    </xf>
    <xf numFmtId="0" fontId="41" fillId="0" borderId="29" xfId="116" applyFont="1" applyBorder="1" applyAlignment="1" applyProtection="1">
      <alignment horizontal="center" vertical="center" shrinkToFit="1"/>
      <protection locked="0"/>
    </xf>
    <xf numFmtId="0" fontId="42" fillId="0" borderId="0" xfId="116" applyFont="1" applyAlignment="1">
      <alignment horizontal="right"/>
    </xf>
    <xf numFmtId="179" fontId="41" fillId="31" borderId="34" xfId="98" applyNumberFormat="1" applyFont="1" applyFill="1" applyBorder="1" applyProtection="1">
      <protection locked="0"/>
    </xf>
    <xf numFmtId="184" fontId="41" fillId="31" borderId="34" xfId="98" applyNumberFormat="1" applyFont="1" applyFill="1" applyBorder="1" applyProtection="1">
      <protection locked="0"/>
    </xf>
    <xf numFmtId="179" fontId="41" fillId="0" borderId="31" xfId="98" applyNumberFormat="1" applyFont="1" applyFill="1" applyBorder="1" applyAlignment="1" applyProtection="1">
      <alignment horizontal="right" vertical="center"/>
      <protection locked="0"/>
    </xf>
    <xf numFmtId="0" fontId="41" fillId="0" borderId="32" xfId="116" applyFont="1" applyFill="1" applyBorder="1" applyAlignment="1" applyProtection="1">
      <alignment horizontal="center" vertical="center"/>
      <protection locked="0"/>
    </xf>
    <xf numFmtId="184" fontId="41" fillId="0" borderId="34" xfId="98" applyNumberFormat="1" applyFont="1" applyFill="1" applyBorder="1" applyProtection="1">
      <protection locked="0"/>
    </xf>
    <xf numFmtId="9" fontId="41" fillId="0" borderId="20" xfId="116" applyNumberFormat="1" applyFont="1" applyFill="1" applyBorder="1" applyAlignment="1" applyProtection="1">
      <alignment horizontal="center"/>
      <protection locked="0"/>
    </xf>
    <xf numFmtId="184" fontId="41" fillId="32" borderId="34" xfId="98" applyNumberFormat="1" applyFont="1" applyFill="1" applyBorder="1" applyProtection="1">
      <protection locked="0"/>
    </xf>
    <xf numFmtId="0" fontId="86" fillId="0" borderId="29" xfId="116" applyFont="1" applyBorder="1" applyAlignment="1" applyProtection="1">
      <alignment horizontal="left" vertical="top" wrapText="1"/>
      <protection locked="0"/>
    </xf>
    <xf numFmtId="0" fontId="86" fillId="0" borderId="32" xfId="116" applyFont="1" applyBorder="1" applyAlignment="1" applyProtection="1">
      <alignment horizontal="left" vertical="top" wrapText="1"/>
      <protection locked="0"/>
    </xf>
    <xf numFmtId="0" fontId="7" fillId="0" borderId="0" xfId="116" applyFont="1" applyAlignment="1">
      <alignment horizontal="center"/>
    </xf>
  </cellXfs>
  <cellStyles count="285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23"/>
    <cellStyle name="ÊÝ [0.00]" xfId="124"/>
    <cellStyle name="0.000" xfId="7"/>
    <cellStyle name="121" xfId="125"/>
    <cellStyle name="20% - アクセント 1" xfId="8" builtinId="30" customBuiltin="1"/>
    <cellStyle name="20% - アクセント 1 2" xfId="126"/>
    <cellStyle name="20% - アクセント 2" xfId="9" builtinId="34" customBuiltin="1"/>
    <cellStyle name="20% - アクセント 2 2" xfId="127"/>
    <cellStyle name="20% - アクセント 3" xfId="10" builtinId="38" customBuiltin="1"/>
    <cellStyle name="20% - アクセント 3 2" xfId="128"/>
    <cellStyle name="20% - アクセント 4" xfId="11" builtinId="42" customBuiltin="1"/>
    <cellStyle name="20% - アクセント 4 2" xfId="129"/>
    <cellStyle name="20% - アクセント 5" xfId="12" builtinId="46" customBuiltin="1"/>
    <cellStyle name="20% - アクセント 5 2" xfId="130"/>
    <cellStyle name="20% - アクセント 6" xfId="13" builtinId="50" customBuiltin="1"/>
    <cellStyle name="20% - アクセント 6 2" xfId="131"/>
    <cellStyle name="40% - アクセント 1" xfId="14" builtinId="31" customBuiltin="1"/>
    <cellStyle name="40% - アクセント 1 2" xfId="132"/>
    <cellStyle name="40% - アクセント 2" xfId="15" builtinId="35" customBuiltin="1"/>
    <cellStyle name="40% - アクセント 2 2" xfId="133"/>
    <cellStyle name="40% - アクセント 3" xfId="16" builtinId="39" customBuiltin="1"/>
    <cellStyle name="40% - アクセント 3 2" xfId="134"/>
    <cellStyle name="40% - アクセント 4" xfId="17" builtinId="43" customBuiltin="1"/>
    <cellStyle name="40% - アクセント 4 2" xfId="135"/>
    <cellStyle name="40% - アクセント 5" xfId="18" builtinId="47" customBuiltin="1"/>
    <cellStyle name="40% - アクセント 5 2" xfId="136"/>
    <cellStyle name="40% - アクセント 6" xfId="19" builtinId="51" customBuiltin="1"/>
    <cellStyle name="40% - アクセント 6 2" xfId="137"/>
    <cellStyle name="60% - アクセント 1" xfId="20" builtinId="32" customBuiltin="1"/>
    <cellStyle name="60% - アクセント 1 2" xfId="138"/>
    <cellStyle name="60% - アクセント 2" xfId="21" builtinId="36" customBuiltin="1"/>
    <cellStyle name="60% - アクセント 2 2" xfId="139"/>
    <cellStyle name="60% - アクセント 3" xfId="22" builtinId="40" customBuiltin="1"/>
    <cellStyle name="60% - アクセント 3 2" xfId="140"/>
    <cellStyle name="60% - アクセント 4" xfId="23" builtinId="44" customBuiltin="1"/>
    <cellStyle name="60% - アクセント 4 2" xfId="141"/>
    <cellStyle name="60% - アクセント 5" xfId="24" builtinId="48" customBuiltin="1"/>
    <cellStyle name="60% - アクセント 5 2" xfId="142"/>
    <cellStyle name="60% - アクセント 6" xfId="25" builtinId="52" customBuiltin="1"/>
    <cellStyle name="60% - アクセント 6 2" xfId="143"/>
    <cellStyle name="A4縦" xfId="144"/>
    <cellStyle name="Arial 10" xfId="145"/>
    <cellStyle name="Arial 12" xfId="146"/>
    <cellStyle name="Arial 8" xfId="147"/>
    <cellStyle name="Calc Currency (0)" xfId="26"/>
    <cellStyle name="Calc Currency (0) 2" xfId="148"/>
    <cellStyle name="Calc Currency (0)_140424_羽津ポンプ場設計書（鋼製加工品のみとする）" xfId="149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50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51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52"/>
    <cellStyle name="ＭＳゴシック 12" xfId="153"/>
    <cellStyle name="new" xfId="58"/>
    <cellStyle name="NIC-0" xfId="247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54"/>
    <cellStyle name="PSChar" xfId="155"/>
    <cellStyle name="PSHeading" xfId="156"/>
    <cellStyle name="revised" xfId="157"/>
    <cellStyle name="sc5" xfId="158"/>
    <cellStyle name="sc7" xfId="159"/>
    <cellStyle name="section" xfId="160"/>
    <cellStyle name="Standard_COST INPUT SHEET" xfId="161"/>
    <cellStyle name="STYL0" xfId="248"/>
    <cellStyle name="STYL0 - ｽﾀｲﾙ1" xfId="249"/>
    <cellStyle name="STYL1" xfId="250"/>
    <cellStyle name="STYL1 - ｽﾀｲﾙ2" xfId="251"/>
    <cellStyle name="STYL2" xfId="252"/>
    <cellStyle name="STYL2 - ｽﾀｲﾙ3" xfId="253"/>
    <cellStyle name="STYL3" xfId="254"/>
    <cellStyle name="STYL3 - ｽﾀｲﾙ4" xfId="255"/>
    <cellStyle name="STYL4" xfId="256"/>
    <cellStyle name="STYL4 - ｽﾀｲﾙ5" xfId="257"/>
    <cellStyle name="STYL5" xfId="258"/>
    <cellStyle name="STYL5 - ｽﾀｲﾙ6" xfId="259"/>
    <cellStyle name="STYL6" xfId="260"/>
    <cellStyle name="STYL6 - ｽﾀｲﾙ7" xfId="261"/>
    <cellStyle name="STYL7" xfId="262"/>
    <cellStyle name="STYL7 - ｽﾀｲﾙ8" xfId="263"/>
    <cellStyle name="StyleName1" xfId="162"/>
    <cellStyle name="StyleName2" xfId="163"/>
    <cellStyle name="StyleName3" xfId="164"/>
    <cellStyle name="StyleName4" xfId="165"/>
    <cellStyle name="StyleName5" xfId="166"/>
    <cellStyle name="StyleName6" xfId="167"/>
    <cellStyle name="StyleName7" xfId="168"/>
    <cellStyle name="StyleName8" xfId="169"/>
    <cellStyle name="subhead" xfId="72"/>
    <cellStyle name="Text Indent A" xfId="73"/>
    <cellStyle name="Text Indent B" xfId="74"/>
    <cellStyle name="Text Indent C" xfId="75"/>
    <cellStyle name="title" xfId="170"/>
    <cellStyle name="TSUIKA" xfId="264"/>
    <cellStyle name="Virg・ [0]_RESULTS" xfId="76"/>
    <cellStyle name="Virg・_RESULTS" xfId="77"/>
    <cellStyle name="アクセント 1" xfId="78" builtinId="29" customBuiltin="1"/>
    <cellStyle name="アクセント 1 2" xfId="171"/>
    <cellStyle name="アクセント 2" xfId="79" builtinId="33" customBuiltin="1"/>
    <cellStyle name="アクセント 2 2" xfId="172"/>
    <cellStyle name="アクセント 3" xfId="80" builtinId="37" customBuiltin="1"/>
    <cellStyle name="アクセント 3 2" xfId="173"/>
    <cellStyle name="アクセント 4" xfId="81" builtinId="41" customBuiltin="1"/>
    <cellStyle name="アクセント 4 2" xfId="174"/>
    <cellStyle name="アクセント 5" xfId="82" builtinId="45" customBuiltin="1"/>
    <cellStyle name="アクセント 5 2" xfId="175"/>
    <cellStyle name="アクセント 6" xfId="83" builtinId="49" customBuiltin="1"/>
    <cellStyle name="アクセント 6 2" xfId="176"/>
    <cellStyle name="タイトル" xfId="84" builtinId="15" customBuiltin="1"/>
    <cellStyle name="タイトル 2" xfId="177"/>
    <cellStyle name="チェック セル" xfId="85" builtinId="23" customBuiltin="1"/>
    <cellStyle name="チェック セル 2" xfId="178"/>
    <cellStyle name="どちらでもない" xfId="86" builtinId="28" customBuiltin="1"/>
    <cellStyle name="どちらでもない 2" xfId="179"/>
    <cellStyle name="ﾄ褊褂燾・[0]_PERSONAL" xfId="87"/>
    <cellStyle name="ﾄ褊褂燾饑PERSONAL" xfId="88"/>
    <cellStyle name="パーセント" xfId="89" builtinId="5"/>
    <cellStyle name="パーセント 2" xfId="180"/>
    <cellStyle name="ﾌｫﾝﾄ変更" xfId="181"/>
    <cellStyle name="ﾎ磊隆_PERSONAL" xfId="90"/>
    <cellStyle name="メモ" xfId="91" builtinId="10" customBuiltin="1"/>
    <cellStyle name="メモ 2" xfId="182"/>
    <cellStyle name="ﾔ竟瑙糺・[0]_PERSONAL" xfId="92"/>
    <cellStyle name="ﾔ竟瑙糺饑PERSONAL" xfId="93"/>
    <cellStyle name="リンク" xfId="183"/>
    <cellStyle name="リンク セル" xfId="94" builtinId="24" customBuiltin="1"/>
    <cellStyle name="リンク セル 2" xfId="184"/>
    <cellStyle name="悪い" xfId="95" builtinId="27" customBuiltin="1"/>
    <cellStyle name="悪い 2" xfId="185"/>
    <cellStyle name="位置" xfId="186"/>
    <cellStyle name="下段_0" xfId="187"/>
    <cellStyle name="会社名" xfId="188"/>
    <cellStyle name="強調" xfId="189"/>
    <cellStyle name="金額" xfId="190"/>
    <cellStyle name="計算" xfId="96" builtinId="22" customBuiltin="1"/>
    <cellStyle name="計算 2" xfId="191"/>
    <cellStyle name="警告文" xfId="97" builtinId="11" customBuiltin="1"/>
    <cellStyle name="警告文 2" xfId="192"/>
    <cellStyle name="桁蟻唇Ｆ [0.00]_laroux" xfId="265"/>
    <cellStyle name="桁蟻唇Ｆ_laroux" xfId="266"/>
    <cellStyle name="桁区切り" xfId="98" builtinId="6"/>
    <cellStyle name="桁区切り [0.0]" xfId="193"/>
    <cellStyle name="桁区切り 2" xfId="121"/>
    <cellStyle name="桁区切り 2 2" xfId="194"/>
    <cellStyle name="桁区切り 2 2 2" xfId="267"/>
    <cellStyle name="桁区切り 2 3" xfId="268"/>
    <cellStyle name="桁区切り 3" xfId="195"/>
    <cellStyle name="桁区切り 3 2" xfId="196"/>
    <cellStyle name="桁区切り 4" xfId="269"/>
    <cellStyle name="桁区切り（０なし）" xfId="197"/>
    <cellStyle name="桁区切り0" xfId="99"/>
    <cellStyle name="桁区切り1" xfId="100"/>
    <cellStyle name="桁区切り2" xfId="101"/>
    <cellStyle name="見出し 1" xfId="102" builtinId="16" customBuiltin="1"/>
    <cellStyle name="見出し 1 2" xfId="198"/>
    <cellStyle name="見出し 2" xfId="103" builtinId="17" customBuiltin="1"/>
    <cellStyle name="見出し 2 2" xfId="199"/>
    <cellStyle name="見出し 3" xfId="104" builtinId="18" customBuiltin="1"/>
    <cellStyle name="見出し 3 2" xfId="200"/>
    <cellStyle name="見出し 4" xfId="105" builtinId="19" customBuiltin="1"/>
    <cellStyle name="見出し 4 2" xfId="201"/>
    <cellStyle name="見積桁区切り" xfId="202"/>
    <cellStyle name="見積-桁区切り" xfId="203"/>
    <cellStyle name="見積-通貨記号" xfId="204"/>
    <cellStyle name="工期算定表" xfId="205"/>
    <cellStyle name="工程表_書式" xfId="270"/>
    <cellStyle name="細明朝　9" xfId="271"/>
    <cellStyle name="細明朝12" xfId="272"/>
    <cellStyle name="集計" xfId="106" builtinId="25" customBuiltin="1"/>
    <cellStyle name="集計 2" xfId="206"/>
    <cellStyle name="縦下" xfId="273"/>
    <cellStyle name="縦上" xfId="274"/>
    <cellStyle name="縦中央" xfId="275"/>
    <cellStyle name="出力" xfId="107" builtinId="21" customBuiltin="1"/>
    <cellStyle name="出力 2" xfId="207"/>
    <cellStyle name="小数点０位 [0]" xfId="208"/>
    <cellStyle name="小数点１位 [0.0]" xfId="209"/>
    <cellStyle name="小数点２位 [0.00]" xfId="210"/>
    <cellStyle name="小数点３位 [0.000]" xfId="211"/>
    <cellStyle name="小表題" xfId="212"/>
    <cellStyle name="上の原" xfId="108"/>
    <cellStyle name="上段_0" xfId="213"/>
    <cellStyle name="数量" xfId="214"/>
    <cellStyle name="数量計算" xfId="215"/>
    <cellStyle name="積算" xfId="216"/>
    <cellStyle name="説明文" xfId="109" builtinId="53" customBuiltin="1"/>
    <cellStyle name="説明文 2" xfId="217"/>
    <cellStyle name="損料_書式" xfId="276"/>
    <cellStyle name="代価表_書式" xfId="277"/>
    <cellStyle name="大表題(12)" xfId="218"/>
    <cellStyle name="大表題(14)" xfId="219"/>
    <cellStyle name="大表題(16)" xfId="220"/>
    <cellStyle name="大表題(20)" xfId="221"/>
    <cellStyle name="脱浦 [0.00]_laroux" xfId="278"/>
    <cellStyle name="脱浦_laroux" xfId="279"/>
    <cellStyle name="帳票" xfId="222"/>
    <cellStyle name="通浦 [0.00]_laroux" xfId="110"/>
    <cellStyle name="通浦_laroux" xfId="111"/>
    <cellStyle name="通貨 2" xfId="223"/>
    <cellStyle name="日進量_書式" xfId="280"/>
    <cellStyle name="入力" xfId="112" builtinId="20" customBuiltin="1"/>
    <cellStyle name="入力 2" xfId="224"/>
    <cellStyle name="年号" xfId="113"/>
    <cellStyle name="破線" xfId="225"/>
    <cellStyle name="比較表" xfId="226"/>
    <cellStyle name="非表示" xfId="114"/>
    <cellStyle name="標準" xfId="0" builtinId="0"/>
    <cellStyle name="標準 10" xfId="246"/>
    <cellStyle name="標準 11" xfId="281"/>
    <cellStyle name="標準 12" xfId="282"/>
    <cellStyle name="標準 2" xfId="115"/>
    <cellStyle name="標準 2 2" xfId="227"/>
    <cellStyle name="標準 2 2 2" xfId="228"/>
    <cellStyle name="標準 2 3" xfId="229"/>
    <cellStyle name="標準 2_西笹川中武道場機械内訳書" xfId="230"/>
    <cellStyle name="標準 3" xfId="231"/>
    <cellStyle name="標準 3 2" xfId="244"/>
    <cellStyle name="標準 4" xfId="232"/>
    <cellStyle name="標準 4 2" xfId="233"/>
    <cellStyle name="標準 4 3" xfId="245"/>
    <cellStyle name="標準 5" xfId="234"/>
    <cellStyle name="標準 5 2" xfId="243"/>
    <cellStyle name="標準 6" xfId="235"/>
    <cellStyle name="標準 7" xfId="236"/>
    <cellStyle name="標準 8" xfId="120"/>
    <cellStyle name="標準 9" xfId="122"/>
    <cellStyle name="標準、罫線" xfId="283"/>
    <cellStyle name="標準_Ｈ２４年度施原第__号水沢北谷配水池濁度計設置工事_設計書." xfId="116"/>
    <cellStyle name="標準２" xfId="237"/>
    <cellStyle name="標準A" xfId="238"/>
    <cellStyle name="標準Ａ" xfId="117"/>
    <cellStyle name="標準戻し" xfId="239"/>
    <cellStyle name="表１" xfId="284"/>
    <cellStyle name="表紙" xfId="240"/>
    <cellStyle name="別紙明細" xfId="241"/>
    <cellStyle name="未定義" xfId="118"/>
    <cellStyle name="良い" xfId="119" builtinId="26" customBuiltin="1"/>
    <cellStyle name="良い 2" xfId="24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BD0395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9" Type="http://schemas.openxmlformats.org/officeDocument/2006/relationships/externalLink" Target="externalLinks/externalLink28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66" Type="http://schemas.openxmlformats.org/officeDocument/2006/relationships/externalLink" Target="externalLinks/externalLink65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87" Type="http://schemas.openxmlformats.org/officeDocument/2006/relationships/externalLink" Target="externalLinks/externalLink86.xml"/><Relationship Id="rId102" Type="http://schemas.openxmlformats.org/officeDocument/2006/relationships/styles" Target="styles.xml"/><Relationship Id="rId5" Type="http://schemas.openxmlformats.org/officeDocument/2006/relationships/externalLink" Target="externalLinks/externalLink4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56" Type="http://schemas.openxmlformats.org/officeDocument/2006/relationships/externalLink" Target="externalLinks/externalLink55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sharedStrings" Target="sharedStrings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theme" Target="theme/theme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 enableFormatConditionsCalculation="0">
    <tabColor indexed="14"/>
    <pageSetUpPr fitToPage="1"/>
  </sheetPr>
  <dimension ref="A1:Q84"/>
  <sheetViews>
    <sheetView showGridLines="0" showZeros="0" tabSelected="1" view="pageBreakPreview" zoomScale="130" zoomScaleNormal="115" zoomScaleSheetLayoutView="130" workbookViewId="0">
      <selection activeCell="I11" sqref="I11:I12"/>
    </sheetView>
  </sheetViews>
  <sheetFormatPr defaultColWidth="10.28515625" defaultRowHeight="13.5"/>
  <cols>
    <col min="1" max="1" width="9.85546875" style="83" customWidth="1"/>
    <col min="2" max="2" width="12.140625" style="83" customWidth="1"/>
    <col min="3" max="3" width="16.7109375" style="83" customWidth="1"/>
    <col min="4" max="4" width="14.42578125" style="83" customWidth="1"/>
    <col min="5" max="5" width="7.5703125" style="84" customWidth="1"/>
    <col min="6" max="6" width="8.7109375" style="85" customWidth="1"/>
    <col min="7" max="7" width="10.42578125" style="83" bestFit="1" customWidth="1"/>
    <col min="8" max="8" width="12.140625" style="86" customWidth="1"/>
    <col min="9" max="9" width="17.85546875" style="83" customWidth="1"/>
    <col min="10" max="10" width="14.5703125" style="83" bestFit="1" customWidth="1"/>
    <col min="11" max="16384" width="10.28515625" style="83"/>
  </cols>
  <sheetData>
    <row r="1" spans="1:17">
      <c r="A1" s="111" t="s">
        <v>27</v>
      </c>
      <c r="B1" s="111"/>
      <c r="C1" s="111"/>
      <c r="D1" s="111"/>
      <c r="E1" s="111"/>
      <c r="F1" s="111"/>
      <c r="G1" s="111"/>
      <c r="H1" s="111"/>
      <c r="I1" s="111"/>
    </row>
    <row r="2" spans="1:17" ht="9.6" customHeight="1">
      <c r="A2" s="28" t="s">
        <v>25</v>
      </c>
      <c r="B2" s="28" t="s">
        <v>22</v>
      </c>
    </row>
    <row r="3" spans="1:17" ht="9.6" customHeight="1">
      <c r="A3" s="28" t="s">
        <v>26</v>
      </c>
      <c r="B3" s="28" t="s">
        <v>23</v>
      </c>
      <c r="I3" s="101" t="s">
        <v>24</v>
      </c>
    </row>
    <row r="4" spans="1:17" s="5" customFormat="1" ht="26.1" customHeight="1">
      <c r="A4" s="1" t="s">
        <v>0</v>
      </c>
      <c r="B4" s="2" t="s">
        <v>1</v>
      </c>
      <c r="C4" s="2" t="s">
        <v>2</v>
      </c>
      <c r="D4" s="2" t="s">
        <v>3</v>
      </c>
      <c r="E4" s="2" t="s">
        <v>4</v>
      </c>
      <c r="F4" s="2" t="s">
        <v>5</v>
      </c>
      <c r="G4" s="2" t="s">
        <v>6</v>
      </c>
      <c r="H4" s="3" t="s">
        <v>7</v>
      </c>
      <c r="I4" s="4" t="s">
        <v>8</v>
      </c>
    </row>
    <row r="5" spans="1:17" s="13" customFormat="1" ht="9.4" customHeight="1">
      <c r="A5" s="6"/>
      <c r="B5" s="7"/>
      <c r="C5" s="7"/>
      <c r="D5" s="7"/>
      <c r="E5" s="8"/>
      <c r="F5" s="9"/>
      <c r="G5" s="10"/>
      <c r="H5" s="11"/>
      <c r="I5" s="12"/>
    </row>
    <row r="6" spans="1:17" s="13" customFormat="1" ht="9.4" customHeight="1">
      <c r="A6" s="14"/>
      <c r="B6" s="15"/>
      <c r="C6" s="15"/>
      <c r="D6" s="15"/>
      <c r="E6" s="16"/>
      <c r="F6" s="17"/>
      <c r="G6" s="18"/>
      <c r="H6" s="19"/>
      <c r="I6" s="20"/>
    </row>
    <row r="7" spans="1:17" s="28" customFormat="1" ht="9.4" customHeight="1">
      <c r="A7" s="21"/>
      <c r="B7" s="22"/>
      <c r="C7" s="22"/>
      <c r="D7" s="22"/>
      <c r="E7" s="23"/>
      <c r="F7" s="24"/>
      <c r="G7" s="25"/>
      <c r="H7" s="26"/>
      <c r="I7" s="27"/>
    </row>
    <row r="8" spans="1:17" s="13" customFormat="1" ht="9.4" customHeight="1">
      <c r="A8" s="29"/>
      <c r="B8" s="7"/>
      <c r="C8" s="7"/>
      <c r="D8" s="7"/>
      <c r="E8" s="8"/>
      <c r="F8" s="9"/>
      <c r="G8" s="10"/>
      <c r="H8" s="11"/>
      <c r="I8" s="12"/>
    </row>
    <row r="9" spans="1:17" s="13" customFormat="1" ht="9.4" customHeight="1">
      <c r="A9" s="30"/>
      <c r="B9" s="15"/>
      <c r="C9" s="15"/>
      <c r="D9" s="15"/>
      <c r="E9" s="16"/>
      <c r="F9" s="17"/>
      <c r="G9" s="18"/>
      <c r="H9" s="19"/>
      <c r="I9" s="20"/>
    </row>
    <row r="10" spans="1:17" s="28" customFormat="1" ht="9.4" customHeight="1">
      <c r="A10" s="31"/>
      <c r="B10" s="22" t="s">
        <v>12</v>
      </c>
      <c r="C10" s="22" t="s">
        <v>20</v>
      </c>
      <c r="D10" s="22"/>
      <c r="E10" s="23" t="s">
        <v>11</v>
      </c>
      <c r="F10" s="24">
        <v>1</v>
      </c>
      <c r="G10" s="32"/>
      <c r="H10" s="102"/>
      <c r="I10" s="33"/>
    </row>
    <row r="11" spans="1:17" s="28" customFormat="1" ht="9.4" customHeight="1">
      <c r="A11" s="6"/>
      <c r="B11" s="7"/>
      <c r="C11" s="7"/>
      <c r="D11" s="7"/>
      <c r="E11" s="8"/>
      <c r="F11" s="9"/>
      <c r="G11" s="10"/>
      <c r="H11" s="90"/>
      <c r="I11" s="109"/>
      <c r="J11" s="13"/>
      <c r="K11" s="13"/>
      <c r="L11" s="13"/>
      <c r="M11" s="13"/>
      <c r="N11" s="13"/>
      <c r="O11" s="13"/>
      <c r="P11" s="13"/>
      <c r="Q11" s="13"/>
    </row>
    <row r="12" spans="1:17" s="28" customFormat="1" ht="9.4" customHeight="1">
      <c r="A12" s="14"/>
      <c r="B12" s="15"/>
      <c r="C12" s="15"/>
      <c r="D12" s="15"/>
      <c r="E12" s="16"/>
      <c r="F12" s="17"/>
      <c r="G12" s="18"/>
      <c r="H12" s="91"/>
      <c r="I12" s="110"/>
      <c r="J12" s="13"/>
      <c r="K12" s="13"/>
      <c r="L12" s="13"/>
      <c r="M12" s="13"/>
      <c r="N12" s="13"/>
      <c r="O12" s="13"/>
      <c r="P12" s="13"/>
      <c r="Q12" s="13"/>
    </row>
    <row r="13" spans="1:17" s="28" customFormat="1" ht="9.4" customHeight="1">
      <c r="A13" s="31"/>
      <c r="B13" s="22" t="s">
        <v>12</v>
      </c>
      <c r="C13" s="22" t="s">
        <v>21</v>
      </c>
      <c r="D13" s="22"/>
      <c r="E13" s="23" t="s">
        <v>11</v>
      </c>
      <c r="F13" s="24">
        <v>1</v>
      </c>
      <c r="G13" s="32"/>
      <c r="H13" s="102"/>
      <c r="I13" s="33"/>
    </row>
    <row r="14" spans="1:17" s="28" customFormat="1" ht="9.4" customHeight="1">
      <c r="A14" s="6"/>
      <c r="B14" s="7"/>
      <c r="C14" s="7"/>
      <c r="D14" s="7"/>
      <c r="E14" s="8"/>
      <c r="F14" s="9"/>
      <c r="G14" s="10"/>
      <c r="H14" s="90"/>
      <c r="I14" s="12"/>
    </row>
    <row r="15" spans="1:17" s="28" customFormat="1" ht="9.4" customHeight="1">
      <c r="A15" s="14"/>
      <c r="B15" s="15"/>
      <c r="C15" s="15"/>
      <c r="D15" s="15"/>
      <c r="E15" s="16"/>
      <c r="F15" s="17"/>
      <c r="G15" s="18"/>
      <c r="H15" s="91"/>
      <c r="I15" s="20"/>
    </row>
    <row r="16" spans="1:17" s="28" customFormat="1" ht="9.4" customHeight="1">
      <c r="A16" s="31"/>
      <c r="B16" s="22" t="s">
        <v>14</v>
      </c>
      <c r="C16" s="22"/>
      <c r="D16" s="22"/>
      <c r="E16" s="23" t="s">
        <v>11</v>
      </c>
      <c r="F16" s="24">
        <v>1</v>
      </c>
      <c r="G16" s="25"/>
      <c r="H16" s="103"/>
      <c r="I16" s="33"/>
    </row>
    <row r="17" spans="1:17" s="13" customFormat="1" ht="9.4" customHeight="1">
      <c r="A17" s="6"/>
      <c r="B17" s="7"/>
      <c r="C17" s="7"/>
      <c r="D17" s="7"/>
      <c r="E17" s="8"/>
      <c r="F17" s="9"/>
      <c r="G17" s="10"/>
      <c r="H17" s="90"/>
      <c r="I17" s="12"/>
      <c r="J17" s="28"/>
      <c r="K17" s="28"/>
      <c r="L17" s="28"/>
      <c r="M17" s="28"/>
      <c r="N17" s="28"/>
      <c r="O17" s="28"/>
      <c r="P17" s="28"/>
      <c r="Q17" s="28"/>
    </row>
    <row r="18" spans="1:17" s="13" customFormat="1" ht="9.4" customHeight="1">
      <c r="A18" s="14"/>
      <c r="B18" s="15"/>
      <c r="C18" s="15"/>
      <c r="D18" s="15"/>
      <c r="E18" s="16"/>
      <c r="F18" s="17"/>
      <c r="G18" s="18"/>
      <c r="H18" s="104"/>
      <c r="I18" s="105"/>
      <c r="J18" s="28"/>
      <c r="K18" s="28"/>
      <c r="L18" s="28"/>
      <c r="M18" s="28"/>
      <c r="N18" s="28"/>
      <c r="O18" s="28"/>
      <c r="P18" s="28"/>
      <c r="Q18" s="28"/>
    </row>
    <row r="19" spans="1:17" s="28" customFormat="1" ht="9.4" customHeight="1">
      <c r="A19" s="21"/>
      <c r="B19" s="22" t="s">
        <v>19</v>
      </c>
      <c r="C19" s="22"/>
      <c r="D19" s="22"/>
      <c r="E19" s="23"/>
      <c r="F19" s="24"/>
      <c r="G19" s="25"/>
      <c r="H19" s="106"/>
      <c r="I19" s="107"/>
    </row>
    <row r="20" spans="1:17" s="13" customFormat="1" ht="9.4" customHeight="1">
      <c r="A20" s="6"/>
      <c r="B20" s="7"/>
      <c r="C20" s="7"/>
      <c r="D20" s="7"/>
      <c r="E20" s="8"/>
      <c r="F20" s="9"/>
      <c r="G20" s="10"/>
      <c r="H20" s="90"/>
      <c r="I20" s="100"/>
      <c r="J20" s="28"/>
      <c r="K20" s="28"/>
    </row>
    <row r="21" spans="1:17" s="13" customFormat="1" ht="9.4" customHeight="1">
      <c r="A21" s="14"/>
      <c r="B21" s="15"/>
      <c r="C21" s="15"/>
      <c r="D21" s="15"/>
      <c r="E21" s="16"/>
      <c r="F21" s="17"/>
      <c r="G21" s="18"/>
      <c r="H21" s="91"/>
      <c r="I21" s="99"/>
      <c r="J21" s="28"/>
      <c r="K21" s="28"/>
    </row>
    <row r="22" spans="1:17" s="28" customFormat="1" ht="9.4" customHeight="1">
      <c r="A22" s="31"/>
      <c r="B22" s="22" t="s">
        <v>15</v>
      </c>
      <c r="C22" s="22"/>
      <c r="D22" s="22"/>
      <c r="E22" s="23" t="s">
        <v>11</v>
      </c>
      <c r="F22" s="24">
        <v>1</v>
      </c>
      <c r="G22" s="25"/>
      <c r="H22" s="103"/>
      <c r="I22" s="96"/>
      <c r="J22" s="92"/>
    </row>
    <row r="23" spans="1:17" s="28" customFormat="1" ht="9.4" customHeight="1">
      <c r="A23" s="34"/>
      <c r="B23" s="7"/>
      <c r="C23" s="7"/>
      <c r="D23" s="7"/>
      <c r="E23" s="8"/>
      <c r="F23" s="9"/>
      <c r="G23" s="10"/>
      <c r="H23" s="11"/>
      <c r="I23" s="12"/>
      <c r="J23" s="13"/>
      <c r="K23" s="13"/>
      <c r="L23" s="13"/>
      <c r="M23" s="13"/>
      <c r="N23" s="13"/>
      <c r="O23" s="13"/>
      <c r="P23" s="13"/>
      <c r="Q23" s="13"/>
    </row>
    <row r="24" spans="1:17" s="28" customFormat="1" ht="9.4" customHeight="1">
      <c r="A24" s="34"/>
      <c r="B24" s="15"/>
      <c r="C24" s="15" t="s">
        <v>17</v>
      </c>
      <c r="D24" s="15"/>
      <c r="E24" s="16"/>
      <c r="F24" s="17"/>
      <c r="G24" s="18"/>
      <c r="H24" s="19"/>
      <c r="I24" s="20"/>
      <c r="J24" s="13"/>
      <c r="K24" s="13"/>
      <c r="L24" s="13"/>
      <c r="M24" s="13"/>
      <c r="N24" s="13"/>
      <c r="O24" s="13"/>
      <c r="P24" s="13"/>
      <c r="Q24" s="13"/>
    </row>
    <row r="25" spans="1:17" s="28" customFormat="1" ht="9.4" customHeight="1">
      <c r="A25" s="34"/>
      <c r="B25" s="22" t="s">
        <v>16</v>
      </c>
      <c r="C25" s="22" t="s">
        <v>15</v>
      </c>
      <c r="D25" s="22"/>
      <c r="E25" s="23"/>
      <c r="F25" s="24"/>
      <c r="G25" s="25"/>
      <c r="H25" s="106"/>
      <c r="I25" s="89"/>
      <c r="J25" s="93"/>
    </row>
    <row r="26" spans="1:17" s="13" customFormat="1" ht="9.4" customHeight="1">
      <c r="A26" s="6"/>
      <c r="B26" s="7"/>
      <c r="C26" s="7"/>
      <c r="D26" s="7"/>
      <c r="E26" s="8"/>
      <c r="F26" s="9"/>
      <c r="G26" s="10"/>
      <c r="H26" s="11"/>
      <c r="I26" s="100"/>
      <c r="L26" s="28"/>
      <c r="M26" s="28"/>
      <c r="N26" s="28"/>
      <c r="O26" s="28"/>
      <c r="P26" s="28"/>
      <c r="Q26" s="28"/>
    </row>
    <row r="27" spans="1:17" s="13" customFormat="1" ht="9.4" customHeight="1">
      <c r="A27" s="14"/>
      <c r="B27" s="15"/>
      <c r="C27" s="15"/>
      <c r="D27" s="15"/>
      <c r="E27" s="16"/>
      <c r="F27" s="17"/>
      <c r="G27" s="18"/>
      <c r="H27" s="19"/>
      <c r="I27" s="97"/>
      <c r="L27" s="28"/>
      <c r="M27" s="28"/>
      <c r="N27" s="28"/>
      <c r="O27" s="28"/>
      <c r="P27" s="28"/>
      <c r="Q27" s="28"/>
    </row>
    <row r="28" spans="1:17" s="28" customFormat="1" ht="9.4" customHeight="1">
      <c r="A28" s="31"/>
      <c r="B28" s="22" t="s">
        <v>18</v>
      </c>
      <c r="C28" s="22"/>
      <c r="D28" s="22"/>
      <c r="E28" s="23" t="s">
        <v>11</v>
      </c>
      <c r="F28" s="24">
        <v>1</v>
      </c>
      <c r="G28" s="25"/>
      <c r="H28" s="103"/>
      <c r="I28" s="98"/>
      <c r="J28" s="92"/>
      <c r="K28" s="95"/>
    </row>
    <row r="29" spans="1:17" s="13" customFormat="1" ht="9.4" customHeight="1">
      <c r="A29" s="6"/>
      <c r="B29" s="7"/>
      <c r="C29" s="7"/>
      <c r="D29" s="7"/>
      <c r="E29" s="8"/>
      <c r="F29" s="9"/>
      <c r="G29" s="10"/>
      <c r="H29" s="11"/>
      <c r="I29" s="12"/>
      <c r="J29" s="28"/>
      <c r="K29" s="28"/>
    </row>
    <row r="30" spans="1:17" s="13" customFormat="1" ht="9.4" customHeight="1">
      <c r="A30" s="14"/>
      <c r="B30" s="15"/>
      <c r="C30" s="15"/>
      <c r="D30" s="15"/>
      <c r="E30" s="16"/>
      <c r="F30" s="17"/>
      <c r="G30" s="18"/>
      <c r="H30" s="19"/>
      <c r="I30" s="20"/>
      <c r="J30" s="28"/>
      <c r="K30" s="28"/>
    </row>
    <row r="31" spans="1:17" s="28" customFormat="1" ht="9.4" customHeight="1">
      <c r="A31" s="31"/>
      <c r="B31" s="22" t="s">
        <v>13</v>
      </c>
      <c r="C31" s="22"/>
      <c r="D31" s="22"/>
      <c r="E31" s="23"/>
      <c r="F31" s="24"/>
      <c r="G31" s="25"/>
      <c r="H31" s="108"/>
      <c r="I31" s="33"/>
      <c r="J31" s="94"/>
    </row>
    <row r="32" spans="1:17" s="13" customFormat="1" ht="9.4" customHeight="1">
      <c r="A32" s="6"/>
      <c r="B32" s="7"/>
      <c r="C32" s="7"/>
      <c r="D32" s="7"/>
      <c r="E32" s="8"/>
      <c r="F32" s="9"/>
      <c r="G32" s="10"/>
      <c r="H32" s="11"/>
      <c r="I32" s="12"/>
    </row>
    <row r="33" spans="1:9" s="13" customFormat="1" ht="9.4" customHeight="1">
      <c r="A33" s="14"/>
      <c r="B33" s="15"/>
      <c r="C33" s="15"/>
      <c r="D33" s="15"/>
      <c r="E33" s="16"/>
      <c r="F33" s="17"/>
      <c r="G33" s="18"/>
      <c r="H33" s="19"/>
      <c r="I33" s="20"/>
    </row>
    <row r="34" spans="1:9" s="28" customFormat="1" ht="9.4" customHeight="1">
      <c r="A34" s="31"/>
      <c r="B34" s="22"/>
      <c r="C34" s="22"/>
      <c r="D34" s="22"/>
      <c r="E34" s="23"/>
      <c r="F34" s="24"/>
      <c r="G34" s="25"/>
      <c r="H34" s="87"/>
      <c r="I34" s="88"/>
    </row>
    <row r="35" spans="1:9" s="13" customFormat="1" ht="9.4" customHeight="1">
      <c r="A35" s="6"/>
      <c r="B35" s="7"/>
      <c r="C35" s="7"/>
      <c r="D35" s="7"/>
      <c r="E35" s="8"/>
      <c r="F35" s="9"/>
      <c r="G35" s="10"/>
      <c r="H35" s="11"/>
      <c r="I35" s="12"/>
    </row>
    <row r="36" spans="1:9" s="13" customFormat="1" ht="9.4" customHeight="1">
      <c r="A36" s="14"/>
      <c r="B36" s="15"/>
      <c r="C36" s="15"/>
      <c r="D36" s="15"/>
      <c r="E36" s="16"/>
      <c r="F36" s="17"/>
      <c r="G36" s="18"/>
      <c r="H36" s="19"/>
      <c r="I36" s="20"/>
    </row>
    <row r="37" spans="1:9" s="28" customFormat="1" ht="9.4" customHeight="1">
      <c r="A37" s="31"/>
      <c r="B37" s="22"/>
      <c r="C37" s="22"/>
      <c r="D37" s="22"/>
      <c r="E37" s="23"/>
      <c r="F37" s="24"/>
      <c r="G37" s="25"/>
      <c r="H37" s="87"/>
      <c r="I37" s="88"/>
    </row>
    <row r="38" spans="1:9" s="13" customFormat="1" ht="9.4" customHeight="1">
      <c r="A38" s="6"/>
      <c r="B38" s="7"/>
      <c r="C38" s="7"/>
      <c r="D38" s="7"/>
      <c r="E38" s="8"/>
      <c r="F38" s="9"/>
      <c r="G38" s="10"/>
      <c r="H38" s="11"/>
      <c r="I38" s="12"/>
    </row>
    <row r="39" spans="1:9" s="13" customFormat="1" ht="9.4" customHeight="1">
      <c r="A39" s="14"/>
      <c r="B39" s="15"/>
      <c r="C39" s="15"/>
      <c r="D39" s="15"/>
      <c r="E39" s="16"/>
      <c r="F39" s="17"/>
      <c r="G39" s="18"/>
      <c r="H39" s="19"/>
      <c r="I39" s="20"/>
    </row>
    <row r="40" spans="1:9" s="28" customFormat="1" ht="9.4" customHeight="1">
      <c r="A40" s="31"/>
      <c r="B40" s="22"/>
      <c r="C40" s="22"/>
      <c r="D40" s="22"/>
      <c r="E40" s="23"/>
      <c r="F40" s="24"/>
      <c r="G40" s="25"/>
      <c r="H40" s="26"/>
      <c r="I40" s="27"/>
    </row>
    <row r="41" spans="1:9" s="13" customFormat="1" ht="9.4" customHeight="1">
      <c r="A41" s="6"/>
      <c r="B41" s="7"/>
      <c r="C41" s="7"/>
      <c r="D41" s="7"/>
      <c r="E41" s="8"/>
      <c r="F41" s="9"/>
      <c r="G41" s="10"/>
      <c r="H41" s="11"/>
      <c r="I41" s="12"/>
    </row>
    <row r="42" spans="1:9" s="13" customFormat="1" ht="9.4" customHeight="1">
      <c r="A42" s="14"/>
      <c r="B42" s="15"/>
      <c r="C42" s="15"/>
      <c r="D42" s="15"/>
      <c r="E42" s="16"/>
      <c r="F42" s="17"/>
      <c r="G42" s="18"/>
      <c r="H42" s="19"/>
      <c r="I42" s="20"/>
    </row>
    <row r="43" spans="1:9" s="28" customFormat="1" ht="9.4" customHeight="1">
      <c r="A43" s="31"/>
      <c r="B43" s="22"/>
      <c r="C43" s="22"/>
      <c r="D43" s="22"/>
      <c r="E43" s="23"/>
      <c r="F43" s="24"/>
      <c r="G43" s="25"/>
      <c r="H43" s="26"/>
      <c r="I43" s="27"/>
    </row>
    <row r="44" spans="1:9" s="5" customFormat="1" ht="26.1" customHeight="1">
      <c r="A44" s="36"/>
      <c r="B44" s="37"/>
      <c r="C44" s="37" t="s">
        <v>9</v>
      </c>
      <c r="D44" s="37"/>
      <c r="E44" s="38"/>
      <c r="F44" s="39"/>
      <c r="G44" s="37" t="s">
        <v>10</v>
      </c>
      <c r="H44" s="40"/>
      <c r="I44" s="41"/>
    </row>
    <row r="45" spans="1:9" s="13" customFormat="1" ht="26.1" customHeight="1">
      <c r="A45" s="1" t="s">
        <v>0</v>
      </c>
      <c r="B45" s="2" t="s">
        <v>1</v>
      </c>
      <c r="C45" s="2" t="s">
        <v>2</v>
      </c>
      <c r="D45" s="2" t="s">
        <v>3</v>
      </c>
      <c r="E45" s="2" t="s">
        <v>4</v>
      </c>
      <c r="F45" s="2" t="s">
        <v>5</v>
      </c>
      <c r="G45" s="2" t="s">
        <v>6</v>
      </c>
      <c r="H45" s="3" t="s">
        <v>7</v>
      </c>
      <c r="I45" s="4" t="s">
        <v>8</v>
      </c>
    </row>
    <row r="46" spans="1:9" s="13" customFormat="1" ht="9.4" customHeight="1">
      <c r="A46" s="6"/>
      <c r="B46" s="7"/>
      <c r="C46" s="7"/>
      <c r="D46" s="7"/>
      <c r="E46" s="8"/>
      <c r="F46" s="9"/>
      <c r="G46" s="10"/>
      <c r="H46" s="11"/>
      <c r="I46" s="12"/>
    </row>
    <row r="47" spans="1:9" s="13" customFormat="1" ht="9.4" customHeight="1">
      <c r="A47" s="14"/>
      <c r="B47" s="15"/>
      <c r="C47" s="15"/>
      <c r="D47" s="15"/>
      <c r="E47" s="16"/>
      <c r="F47" s="17"/>
      <c r="G47" s="18"/>
      <c r="H47" s="19"/>
      <c r="I47" s="20"/>
    </row>
    <row r="48" spans="1:9" s="28" customFormat="1" ht="9.4" customHeight="1">
      <c r="A48" s="31"/>
      <c r="B48" s="22"/>
      <c r="C48" s="22"/>
      <c r="D48" s="22"/>
      <c r="E48" s="23"/>
      <c r="F48" s="24"/>
      <c r="G48" s="25"/>
      <c r="H48" s="26"/>
      <c r="I48" s="33"/>
    </row>
    <row r="49" spans="1:9" s="13" customFormat="1" ht="9.4" customHeight="1">
      <c r="A49" s="29"/>
      <c r="B49" s="7"/>
      <c r="C49" s="7"/>
      <c r="D49" s="7"/>
      <c r="E49" s="8"/>
      <c r="F49" s="9"/>
      <c r="G49" s="10"/>
      <c r="H49" s="11"/>
      <c r="I49" s="12"/>
    </row>
    <row r="50" spans="1:9" s="28" customFormat="1" ht="9.4" customHeight="1">
      <c r="A50" s="30"/>
      <c r="B50" s="15"/>
      <c r="C50" s="15"/>
      <c r="D50" s="15"/>
      <c r="E50" s="16"/>
      <c r="F50" s="17"/>
      <c r="G50" s="18"/>
      <c r="H50" s="19"/>
      <c r="I50" s="20"/>
    </row>
    <row r="51" spans="1:9" s="13" customFormat="1" ht="9.4" customHeight="1">
      <c r="A51" s="31"/>
      <c r="B51" s="22"/>
      <c r="C51" s="22"/>
      <c r="D51" s="22"/>
      <c r="E51" s="23"/>
      <c r="F51" s="24"/>
      <c r="G51" s="25"/>
      <c r="H51" s="26"/>
      <c r="I51" s="33"/>
    </row>
    <row r="52" spans="1:9" s="13" customFormat="1" ht="9.4" customHeight="1">
      <c r="A52" s="6"/>
      <c r="B52" s="7"/>
      <c r="C52" s="7"/>
      <c r="D52" s="7"/>
      <c r="E52" s="8"/>
      <c r="F52" s="9"/>
      <c r="G52" s="10"/>
      <c r="H52" s="11"/>
      <c r="I52" s="12"/>
    </row>
    <row r="53" spans="1:9" s="28" customFormat="1" ht="9.4" customHeight="1">
      <c r="A53" s="14"/>
      <c r="B53" s="15"/>
      <c r="C53" s="15"/>
      <c r="D53" s="15"/>
      <c r="E53" s="16"/>
      <c r="F53" s="17"/>
      <c r="G53" s="18"/>
      <c r="H53" s="19"/>
      <c r="I53" s="20"/>
    </row>
    <row r="54" spans="1:9" s="13" customFormat="1" ht="9.4" customHeight="1">
      <c r="A54" s="31"/>
      <c r="B54" s="22"/>
      <c r="C54" s="22"/>
      <c r="D54" s="22"/>
      <c r="E54" s="23"/>
      <c r="F54" s="24"/>
      <c r="G54" s="25"/>
      <c r="H54" s="35"/>
      <c r="I54" s="27"/>
    </row>
    <row r="55" spans="1:9" s="13" customFormat="1" ht="9.4" customHeight="1">
      <c r="A55" s="6"/>
      <c r="B55" s="7"/>
      <c r="C55" s="7"/>
      <c r="D55" s="7"/>
      <c r="E55" s="8"/>
      <c r="F55" s="9"/>
      <c r="G55" s="10"/>
      <c r="H55" s="11"/>
      <c r="I55" s="12"/>
    </row>
    <row r="56" spans="1:9" s="28" customFormat="1" ht="9.4" customHeight="1">
      <c r="A56" s="14"/>
      <c r="B56" s="15"/>
      <c r="C56" s="15"/>
      <c r="D56" s="15"/>
      <c r="E56" s="16"/>
      <c r="F56" s="17"/>
      <c r="G56" s="18"/>
      <c r="H56" s="19"/>
      <c r="I56" s="20"/>
    </row>
    <row r="57" spans="1:9" s="13" customFormat="1" ht="9.4" customHeight="1">
      <c r="A57" s="31"/>
      <c r="B57" s="22"/>
      <c r="C57" s="22"/>
      <c r="D57" s="22"/>
      <c r="E57" s="23"/>
      <c r="F57" s="24"/>
      <c r="G57" s="25"/>
      <c r="H57" s="35"/>
      <c r="I57" s="27"/>
    </row>
    <row r="58" spans="1:9" s="13" customFormat="1" ht="9.4" customHeight="1">
      <c r="A58" s="6"/>
      <c r="B58" s="7"/>
      <c r="C58" s="7"/>
      <c r="D58" s="7"/>
      <c r="E58" s="8"/>
      <c r="F58" s="42"/>
      <c r="G58" s="43"/>
      <c r="H58" s="44"/>
      <c r="I58" s="12"/>
    </row>
    <row r="59" spans="1:9" s="28" customFormat="1" ht="9.4" customHeight="1">
      <c r="A59" s="14"/>
      <c r="B59" s="15"/>
      <c r="C59" s="45"/>
      <c r="D59" s="15"/>
      <c r="E59" s="16"/>
      <c r="F59" s="42"/>
      <c r="G59" s="43"/>
      <c r="H59" s="19"/>
      <c r="I59" s="46"/>
    </row>
    <row r="60" spans="1:9" s="13" customFormat="1" ht="9.4" customHeight="1">
      <c r="A60" s="21"/>
      <c r="B60" s="22"/>
      <c r="C60" s="22"/>
      <c r="D60" s="22"/>
      <c r="E60" s="23"/>
      <c r="F60" s="24"/>
      <c r="G60" s="25"/>
      <c r="H60" s="26"/>
      <c r="I60" s="27"/>
    </row>
    <row r="61" spans="1:9" s="13" customFormat="1" ht="9.4" customHeight="1">
      <c r="A61" s="6"/>
      <c r="B61" s="7"/>
      <c r="C61" s="7"/>
      <c r="D61" s="7"/>
      <c r="E61" s="8"/>
      <c r="F61" s="9"/>
      <c r="G61" s="10"/>
      <c r="H61" s="11"/>
      <c r="I61" s="12"/>
    </row>
    <row r="62" spans="1:9" s="28" customFormat="1" ht="9.4" customHeight="1">
      <c r="A62" s="14"/>
      <c r="B62" s="15"/>
      <c r="C62" s="15"/>
      <c r="D62" s="15"/>
      <c r="E62" s="16"/>
      <c r="F62" s="17"/>
      <c r="G62" s="18"/>
      <c r="H62" s="19"/>
      <c r="I62" s="20"/>
    </row>
    <row r="63" spans="1:9" s="13" customFormat="1" ht="9.4" customHeight="1">
      <c r="A63" s="31"/>
      <c r="B63" s="22"/>
      <c r="C63" s="22"/>
      <c r="D63" s="22"/>
      <c r="E63" s="23"/>
      <c r="F63" s="24"/>
      <c r="G63" s="25"/>
      <c r="H63" s="26"/>
      <c r="I63" s="27"/>
    </row>
    <row r="64" spans="1:9" s="13" customFormat="1" ht="9.4" customHeight="1">
      <c r="A64" s="6"/>
      <c r="B64" s="7"/>
      <c r="C64" s="7"/>
      <c r="D64" s="7"/>
      <c r="E64" s="8"/>
      <c r="F64" s="9"/>
      <c r="G64" s="10"/>
      <c r="H64" s="11"/>
      <c r="I64" s="12"/>
    </row>
    <row r="65" spans="1:9" s="28" customFormat="1" ht="9.4" customHeight="1">
      <c r="A65" s="14"/>
      <c r="B65" s="15"/>
      <c r="C65" s="15"/>
      <c r="D65" s="15"/>
      <c r="E65" s="16"/>
      <c r="F65" s="17"/>
      <c r="G65" s="18"/>
      <c r="H65" s="19"/>
      <c r="I65" s="20"/>
    </row>
    <row r="66" spans="1:9" s="13" customFormat="1" ht="9.4" customHeight="1">
      <c r="A66" s="31"/>
      <c r="B66" s="22"/>
      <c r="C66" s="22"/>
      <c r="D66" s="22"/>
      <c r="E66" s="23"/>
      <c r="F66" s="24"/>
      <c r="G66" s="25"/>
      <c r="H66" s="26"/>
      <c r="I66" s="27"/>
    </row>
    <row r="67" spans="1:9" s="13" customFormat="1" ht="9.4" customHeight="1">
      <c r="A67" s="6"/>
      <c r="B67" s="7"/>
      <c r="C67" s="7"/>
      <c r="D67" s="7"/>
      <c r="E67" s="8"/>
      <c r="F67" s="9"/>
      <c r="G67" s="10"/>
      <c r="H67" s="11"/>
      <c r="I67" s="12"/>
    </row>
    <row r="68" spans="1:9" s="28" customFormat="1" ht="9.4" customHeight="1">
      <c r="A68" s="14"/>
      <c r="B68" s="15"/>
      <c r="C68" s="15"/>
      <c r="D68" s="15"/>
      <c r="E68" s="16"/>
      <c r="F68" s="17"/>
      <c r="G68" s="18"/>
      <c r="H68" s="19"/>
      <c r="I68" s="20"/>
    </row>
    <row r="69" spans="1:9" s="13" customFormat="1" ht="9.4" customHeight="1">
      <c r="A69" s="31"/>
      <c r="B69" s="22"/>
      <c r="C69" s="22"/>
      <c r="D69" s="22"/>
      <c r="E69" s="23"/>
      <c r="F69" s="24"/>
      <c r="G69" s="25"/>
      <c r="H69" s="26"/>
      <c r="I69" s="33"/>
    </row>
    <row r="70" spans="1:9" s="13" customFormat="1" ht="9.4" customHeight="1">
      <c r="A70" s="6"/>
      <c r="B70" s="7"/>
      <c r="C70" s="7"/>
      <c r="D70" s="7"/>
      <c r="E70" s="8"/>
      <c r="F70" s="9"/>
      <c r="G70" s="10"/>
      <c r="H70" s="11"/>
      <c r="I70" s="12"/>
    </row>
    <row r="71" spans="1:9" s="28" customFormat="1" ht="9.4" customHeight="1">
      <c r="A71" s="14"/>
      <c r="B71" s="15"/>
      <c r="C71" s="15"/>
      <c r="D71" s="15"/>
      <c r="E71" s="16"/>
      <c r="F71" s="17"/>
      <c r="G71" s="18"/>
      <c r="H71" s="19"/>
      <c r="I71" s="20"/>
    </row>
    <row r="72" spans="1:9" s="13" customFormat="1" ht="9.4" customHeight="1">
      <c r="A72" s="31"/>
      <c r="B72" s="22"/>
      <c r="C72" s="22"/>
      <c r="D72" s="22"/>
      <c r="E72" s="23"/>
      <c r="F72" s="24"/>
      <c r="G72" s="25"/>
      <c r="H72" s="35"/>
      <c r="I72" s="27"/>
    </row>
    <row r="73" spans="1:9" s="13" customFormat="1" ht="9.4" customHeight="1">
      <c r="A73" s="6"/>
      <c r="B73" s="7"/>
      <c r="C73" s="7"/>
      <c r="D73" s="7"/>
      <c r="E73" s="8"/>
      <c r="F73" s="9"/>
      <c r="G73" s="10"/>
      <c r="H73" s="11"/>
      <c r="I73" s="12"/>
    </row>
    <row r="74" spans="1:9" s="28" customFormat="1" ht="9.4" customHeight="1">
      <c r="A74" s="47"/>
      <c r="B74" s="15"/>
      <c r="C74" s="15"/>
      <c r="D74" s="15"/>
      <c r="E74" s="16"/>
      <c r="F74" s="17"/>
      <c r="G74" s="18"/>
      <c r="H74" s="19"/>
      <c r="I74" s="20"/>
    </row>
    <row r="75" spans="1:9" s="13" customFormat="1" ht="9.4" customHeight="1">
      <c r="A75" s="48"/>
      <c r="B75" s="22"/>
      <c r="C75" s="22"/>
      <c r="D75" s="22"/>
      <c r="E75" s="23"/>
      <c r="F75" s="24"/>
      <c r="G75" s="25"/>
      <c r="H75" s="35"/>
      <c r="I75" s="27"/>
    </row>
    <row r="76" spans="1:9" s="13" customFormat="1" ht="9.4" customHeight="1">
      <c r="A76" s="49"/>
      <c r="B76" s="50"/>
      <c r="C76" s="50"/>
      <c r="D76" s="50"/>
      <c r="E76" s="51"/>
      <c r="F76" s="52"/>
      <c r="G76" s="53"/>
      <c r="H76" s="54"/>
      <c r="I76" s="55"/>
    </row>
    <row r="77" spans="1:9" s="13" customFormat="1" ht="9.4" customHeight="1">
      <c r="A77" s="49"/>
      <c r="B77" s="56"/>
      <c r="C77" s="56"/>
      <c r="D77" s="56"/>
      <c r="E77" s="57"/>
      <c r="F77" s="58"/>
      <c r="G77" s="59"/>
      <c r="H77" s="60"/>
      <c r="I77" s="61"/>
    </row>
    <row r="78" spans="1:9" s="13" customFormat="1" ht="9.4" customHeight="1">
      <c r="A78" s="49"/>
      <c r="B78" s="62"/>
      <c r="C78" s="62"/>
      <c r="D78" s="62"/>
      <c r="E78" s="63"/>
      <c r="F78" s="64"/>
      <c r="G78" s="65"/>
      <c r="H78" s="66"/>
      <c r="I78" s="67"/>
    </row>
    <row r="79" spans="1:9" s="13" customFormat="1" ht="9.4" customHeight="1">
      <c r="A79" s="68"/>
      <c r="B79" s="7"/>
      <c r="C79" s="7"/>
      <c r="D79" s="7"/>
      <c r="E79" s="8"/>
      <c r="F79" s="69"/>
      <c r="G79" s="10"/>
      <c r="H79" s="11"/>
      <c r="I79" s="55"/>
    </row>
    <row r="80" spans="1:9" s="28" customFormat="1" ht="9.4" customHeight="1">
      <c r="A80" s="47"/>
      <c r="B80" s="15"/>
      <c r="C80" s="70"/>
      <c r="D80" s="15"/>
      <c r="E80" s="16"/>
      <c r="F80" s="71"/>
      <c r="G80" s="18"/>
      <c r="H80" s="19"/>
      <c r="I80" s="61"/>
    </row>
    <row r="81" spans="1:9" s="13" customFormat="1" ht="9.4" customHeight="1">
      <c r="A81" s="48"/>
      <c r="B81" s="22"/>
      <c r="C81" s="22"/>
      <c r="D81" s="22"/>
      <c r="E81" s="23"/>
      <c r="F81" s="24"/>
      <c r="G81" s="25"/>
      <c r="H81" s="26"/>
      <c r="I81" s="72"/>
    </row>
    <row r="82" spans="1:9" s="13" customFormat="1" ht="9.4" customHeight="1">
      <c r="A82" s="68"/>
      <c r="B82" s="50"/>
      <c r="C82" s="50"/>
      <c r="D82" s="50"/>
      <c r="E82" s="51"/>
      <c r="F82" s="52"/>
      <c r="G82" s="53"/>
      <c r="H82" s="73"/>
      <c r="I82" s="55"/>
    </row>
    <row r="83" spans="1:9" s="28" customFormat="1" ht="9.4" customHeight="1">
      <c r="A83" s="47"/>
      <c r="B83" s="56"/>
      <c r="C83" s="56"/>
      <c r="D83" s="56"/>
      <c r="E83" s="57"/>
      <c r="F83" s="58"/>
      <c r="G83" s="59"/>
      <c r="H83" s="74"/>
      <c r="I83" s="61"/>
    </row>
    <row r="84" spans="1:9" s="13" customFormat="1" ht="9.4" customHeight="1">
      <c r="A84" s="75"/>
      <c r="B84" s="76"/>
      <c r="C84" s="77"/>
      <c r="D84" s="77"/>
      <c r="E84" s="78"/>
      <c r="F84" s="79"/>
      <c r="G84" s="80"/>
      <c r="H84" s="81"/>
      <c r="I84" s="82"/>
    </row>
  </sheetData>
  <mergeCells count="2">
    <mergeCell ref="I11:I12"/>
    <mergeCell ref="A1:I1"/>
  </mergeCells>
  <phoneticPr fontId="6"/>
  <printOptions horizontalCentered="1" verticalCentered="1"/>
  <pageMargins left="0.43307086614173229" right="0.27559055118110237" top="0.70866141732283472" bottom="0.51181102362204722" header="0.43307086614173229" footer="0.43307086614173229"/>
  <pageSetup paperSize="9" scale="93" orientation="portrait" horizontalDpi="4294967294" r:id="rId1"/>
  <headerFooter alignWithMargins="0">
    <oddHeader>&amp;C&amp;"ＭＳ ゴシック,標準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業務費内訳書</vt:lpstr>
      <vt:lpstr>業務費内訳書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8-06-15T09:37:45Z</cp:lastPrinted>
  <dcterms:created xsi:type="dcterms:W3CDTF">1997-04-16T05:09:44Z</dcterms:created>
  <dcterms:modified xsi:type="dcterms:W3CDTF">2018-07-03T02:51:37Z</dcterms:modified>
</cp:coreProperties>
</file>